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rels" ContentType="application/vnd.openxmlformats-package.relationships+xml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6"/>
  </p:notesMasterIdLst>
  <p:sldIdLst>
    <p:sldId id="365" r:id="rId2"/>
    <p:sldId id="379" r:id="rId3"/>
    <p:sldId id="259" r:id="rId4"/>
    <p:sldId id="344" r:id="rId5"/>
    <p:sldId id="342" r:id="rId6"/>
    <p:sldId id="345" r:id="rId7"/>
    <p:sldId id="346" r:id="rId8"/>
    <p:sldId id="347" r:id="rId9"/>
    <p:sldId id="348" r:id="rId10"/>
    <p:sldId id="354" r:id="rId11"/>
    <p:sldId id="367" r:id="rId12"/>
    <p:sldId id="362" r:id="rId13"/>
    <p:sldId id="368" r:id="rId14"/>
    <p:sldId id="264" r:id="rId15"/>
  </p:sldIdLst>
  <p:sldSz cx="12192000" cy="6858000"/>
  <p:notesSz cx="6858000" cy="914400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E237F"/>
    <a:srgbClr val="8D0102"/>
    <a:srgbClr val="A30001"/>
    <a:srgbClr val="000000"/>
    <a:srgbClr val="00ADEC"/>
    <a:srgbClr val="595959"/>
    <a:srgbClr val="0091C4"/>
    <a:srgbClr val="E0E0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无样式，无网格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605" autoAdjust="0"/>
    <p:restoredTop sz="96000" autoAdjust="0"/>
  </p:normalViewPr>
  <p:slideViewPr>
    <p:cSldViewPr snapToGrid="0">
      <p:cViewPr>
        <p:scale>
          <a:sx n="86" d="100"/>
          <a:sy n="86" d="100"/>
        </p:scale>
        <p:origin x="160" y="7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notesMaster" Target="notesMasters/notesMaster1.xml"/><Relationship Id="rId17" Type="http://schemas.openxmlformats.org/officeDocument/2006/relationships/presProps" Target="presProps.xml"/><Relationship Id="rId18" Type="http://schemas.openxmlformats.org/officeDocument/2006/relationships/viewProps" Target="viewProps.xml"/><Relationship Id="rId1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5520FA1-227D-476A-B0FB-D4A6DEAD640B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CN" altLang="en-US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2620EF7-0CB7-4065-BABD-C1B0BA6B199F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2620EF7-0CB7-4065-BABD-C1B0BA6B199F}" type="slidenum">
              <a:rPr lang="zh-CN" altLang="en-US" smtClean="0"/>
              <a:t>1</a:t>
            </a:fld>
            <a:endParaRPr lang="zh-CN" alt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副标题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以编辑母版副标题样式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 hasCustomPrompt="1"/>
          </p:nvPr>
        </p:nvSpPr>
        <p:spPr/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 hasCustomPrompt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ain Title+ SubTitle_Foo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medel P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alnk Page"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 hasCustomPrompt="1"/>
          </p:nvPr>
        </p:nvSpPr>
        <p:spPr/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/>
          <p:cNvSpPr>
            <a:spLocks noGrp="1"/>
          </p:cNvSpPr>
          <p:nvPr>
            <p:ph type="body" idx="1" hasCustomPrompt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/>
          <p:cNvSpPr>
            <a:spLocks noGrp="1"/>
          </p:cNvSpPr>
          <p:nvPr>
            <p:ph sz="half" idx="1" hasCustomPrompt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内容占位符 3"/>
          <p:cNvSpPr>
            <a:spLocks noGrp="1"/>
          </p:cNvSpPr>
          <p:nvPr>
            <p:ph sz="half" idx="2" hasCustomPrompt="1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/>
          <p:cNvSpPr>
            <a:spLocks noGrp="1"/>
          </p:cNvSpPr>
          <p:nvPr>
            <p:ph type="body" idx="1" hasCustomPrompt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内容占位符 3"/>
          <p:cNvSpPr>
            <a:spLocks noGrp="1"/>
          </p:cNvSpPr>
          <p:nvPr>
            <p:ph sz="half" idx="2" hasCustomPrompt="1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文本占位符 4"/>
          <p:cNvSpPr>
            <a:spLocks noGrp="1"/>
          </p:cNvSpPr>
          <p:nvPr>
            <p:ph type="body" sz="quarter" idx="3" hasCustomPrompt="1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6" name="内容占位符 5"/>
          <p:cNvSpPr>
            <a:spLocks noGrp="1"/>
          </p:cNvSpPr>
          <p:nvPr>
            <p:ph sz="quarter" idx="4" hasCustomPrompt="1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7" name="日期占位符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8" name="页脚占位符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9" name="灯片编号占位符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日期占位符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3" name="页脚占位符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 hasCustomPrompt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图片占位符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C53E93-5D15-47B1-891B-C0778A354FBE}" type="datetimeFigureOut">
              <a:rPr lang="zh-CN" altLang="en-US" smtClean="0"/>
              <a:t>2017/10/11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808C986-C0E4-4F11-BB61-AABC453178D4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4" Type="http://schemas.openxmlformats.org/officeDocument/2006/relationships/image" Target="../media/image2.png"/><Relationship Id="rId5" Type="http://schemas.openxmlformats.org/officeDocument/2006/relationships/image" Target="../media/image3.tiff"/><Relationship Id="rId6" Type="http://schemas.openxmlformats.org/officeDocument/2006/relationships/image" Target="../media/image4.tiff"/><Relationship Id="rId7" Type="http://schemas.openxmlformats.org/officeDocument/2006/relationships/image" Target="../media/image5.tiff"/><Relationship Id="rId8" Type="http://schemas.openxmlformats.org/officeDocument/2006/relationships/image" Target="../media/image6.png"/><Relationship Id="rId9" Type="http://schemas.openxmlformats.org/officeDocument/2006/relationships/image" Target="../media/image7.png"/><Relationship Id="rId10" Type="http://schemas.openxmlformats.org/officeDocument/2006/relationships/image" Target="../media/image8.tiff"/><Relationship Id="rId1" Type="http://schemas.openxmlformats.org/officeDocument/2006/relationships/slideLayout" Target="../slideLayouts/slideLayout1.xml"/><Relationship Id="rId2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9.jpeg"/><Relationship Id="rId3" Type="http://schemas.openxmlformats.org/officeDocument/2006/relationships/image" Target="../media/image10.jpe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0.jpeg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80" Type="http://schemas.openxmlformats.org/officeDocument/2006/relationships/image" Target="../media/image20.jpeg"/><Relationship Id="rId81" Type="http://schemas.openxmlformats.org/officeDocument/2006/relationships/image" Target="../media/image21.png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slideLayout" Target="../slideLayouts/slideLayout12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0.jpe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4" Type="http://schemas.openxmlformats.org/officeDocument/2006/relationships/image" Target="../media/image11.png"/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9.jpe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0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4" Type="http://schemas.openxmlformats.org/officeDocument/2006/relationships/image" Target="../media/image10.jpeg"/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4" Type="http://schemas.openxmlformats.org/officeDocument/2006/relationships/image" Target="../media/image13.png"/><Relationship Id="rId5" Type="http://schemas.openxmlformats.org/officeDocument/2006/relationships/image" Target="../media/image14.png"/><Relationship Id="rId6" Type="http://schemas.openxmlformats.org/officeDocument/2006/relationships/image" Target="../media/image10.jpeg"/><Relationship Id="rId1" Type="http://schemas.microsoft.com/office/2007/relationships/media" Target="file:///C:\Users\Mxn20101002121\Desktop\Group%2030%20Presentation\1.%20primaryNetwork.mov" TargetMode="External"/><Relationship Id="rId2" Type="http://schemas.openxmlformats.org/officeDocument/2006/relationships/video" Target="file:///C:\Users\Mxn20101002121\Desktop\Group%2030%20Presentation\1.%20primaryNetwork.mov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4" Type="http://schemas.openxmlformats.org/officeDocument/2006/relationships/image" Target="../media/image13.png"/><Relationship Id="rId5" Type="http://schemas.openxmlformats.org/officeDocument/2006/relationships/image" Target="../media/image15.png"/><Relationship Id="rId6" Type="http://schemas.openxmlformats.org/officeDocument/2006/relationships/image" Target="../media/image10.jpeg"/><Relationship Id="rId1" Type="http://schemas.microsoft.com/office/2007/relationships/media" Target="file:///C:\Users\Mxn20101002121\Desktop\Group%2030%20Presentation\2.%20SeasonalEffect.mov" TargetMode="External"/><Relationship Id="rId2" Type="http://schemas.openxmlformats.org/officeDocument/2006/relationships/video" Target="file:///C:\Users\Mxn20101002121\Desktop\Group%2030%20Presentation\2.%20SeasonalEffect.mov" TargetMode="Externa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4" Type="http://schemas.openxmlformats.org/officeDocument/2006/relationships/image" Target="../media/image13.png"/><Relationship Id="rId5" Type="http://schemas.openxmlformats.org/officeDocument/2006/relationships/image" Target="../media/image16.png"/><Relationship Id="rId6" Type="http://schemas.openxmlformats.org/officeDocument/2006/relationships/image" Target="../media/image10.jpeg"/><Relationship Id="rId1" Type="http://schemas.microsoft.com/office/2007/relationships/media" Target="file:///C:\Users\Mxn20101002121\Desktop\Group%2030%20Presentation\3.%20airlineComparsion.mov" TargetMode="External"/><Relationship Id="rId2" Type="http://schemas.openxmlformats.org/officeDocument/2006/relationships/video" Target="file:///C:\Users\Mxn20101002121\Desktop\Group%2030%20Presentation\3.%20airlineComparsion.mov" TargetMode="Externa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4" Type="http://schemas.openxmlformats.org/officeDocument/2006/relationships/image" Target="../media/image13.png"/><Relationship Id="rId5" Type="http://schemas.openxmlformats.org/officeDocument/2006/relationships/image" Target="../media/image17.png"/><Relationship Id="rId6" Type="http://schemas.openxmlformats.org/officeDocument/2006/relationships/image" Target="../media/image10.jpeg"/><Relationship Id="rId1" Type="http://schemas.microsoft.com/office/2007/relationships/media" Target="file:///C:\Users\Mxn20101002121\Desktop\Group%2030%20Presentation\4.%20Airport%20Performance.mov" TargetMode="External"/><Relationship Id="rId2" Type="http://schemas.openxmlformats.org/officeDocument/2006/relationships/video" Target="file:///C:\Users\Mxn20101002121\Desktop\Group%2030%20Presentation\4.%20Airport%20Performance.mov" TargetMode="Externa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4" Type="http://schemas.openxmlformats.org/officeDocument/2006/relationships/image" Target="../media/image13.png"/><Relationship Id="rId5" Type="http://schemas.openxmlformats.org/officeDocument/2006/relationships/image" Target="../media/image18.png"/><Relationship Id="rId6" Type="http://schemas.openxmlformats.org/officeDocument/2006/relationships/image" Target="../media/image10.jpeg"/><Relationship Id="rId1" Type="http://schemas.microsoft.com/office/2007/relationships/media" Target="file:///C:\Users\Mxn20101002121\Desktop\Group%2030%20Presentation\5.%20stats.mov" TargetMode="External"/><Relationship Id="rId2" Type="http://schemas.openxmlformats.org/officeDocument/2006/relationships/video" Target="file:///C:\Users\Mxn20101002121\Desktop\Group%2030%20Presentation\5.%20stats.mov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 descr="cloud 1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6838950"/>
          </a:xfrm>
          <a:prstGeom prst="rect">
            <a:avLst/>
          </a:prstGeom>
        </p:spPr>
      </p:pic>
      <p:pic>
        <p:nvPicPr>
          <p:cNvPr id="19" name="Cloud" descr="cloud 1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-12065"/>
            <a:ext cx="12192000" cy="6839585"/>
          </a:xfrm>
          <a:prstGeom prst="rect">
            <a:avLst/>
          </a:prstGeom>
        </p:spPr>
      </p:pic>
      <p:grpSp>
        <p:nvGrpSpPr>
          <p:cNvPr id="9" name="组合 8"/>
          <p:cNvGrpSpPr/>
          <p:nvPr/>
        </p:nvGrpSpPr>
        <p:grpSpPr>
          <a:xfrm>
            <a:off x="-88900" y="-12790"/>
            <a:ext cx="12280900" cy="2016128"/>
            <a:chOff x="-88900" y="-12793"/>
            <a:chExt cx="12280900" cy="2016128"/>
          </a:xfrm>
        </p:grpSpPr>
        <p:sp>
          <p:nvSpPr>
            <p:cNvPr id="6" name="矩形 5"/>
            <p:cNvSpPr/>
            <p:nvPr/>
          </p:nvSpPr>
          <p:spPr>
            <a:xfrm>
              <a:off x="7976681" y="-12068"/>
              <a:ext cx="4215319" cy="1765304"/>
            </a:xfrm>
            <a:custGeom>
              <a:avLst/>
              <a:gdLst>
                <a:gd name="connsiteX0" fmla="*/ 0 w 4215319"/>
                <a:gd name="connsiteY0" fmla="*/ 0 h 894948"/>
                <a:gd name="connsiteX1" fmla="*/ 4215319 w 4215319"/>
                <a:gd name="connsiteY1" fmla="*/ 0 h 894948"/>
                <a:gd name="connsiteX2" fmla="*/ 4215319 w 4215319"/>
                <a:gd name="connsiteY2" fmla="*/ 894948 h 894948"/>
                <a:gd name="connsiteX3" fmla="*/ 0 w 4215319"/>
                <a:gd name="connsiteY3" fmla="*/ 894948 h 894948"/>
                <a:gd name="connsiteX4" fmla="*/ 0 w 4215319"/>
                <a:gd name="connsiteY4" fmla="*/ 0 h 894948"/>
                <a:gd name="connsiteX0-1" fmla="*/ 0 w 4215319"/>
                <a:gd name="connsiteY0-2" fmla="*/ 0 h 1361876"/>
                <a:gd name="connsiteX1-3" fmla="*/ 4215319 w 4215319"/>
                <a:gd name="connsiteY1-4" fmla="*/ 0 h 1361876"/>
                <a:gd name="connsiteX2-5" fmla="*/ 4215319 w 4215319"/>
                <a:gd name="connsiteY2-6" fmla="*/ 1361876 h 1361876"/>
                <a:gd name="connsiteX3-7" fmla="*/ 0 w 4215319"/>
                <a:gd name="connsiteY3-8" fmla="*/ 894948 h 1361876"/>
                <a:gd name="connsiteX4-9" fmla="*/ 0 w 4215319"/>
                <a:gd name="connsiteY4-10" fmla="*/ 0 h 1361876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4215319" h="1361876">
                  <a:moveTo>
                    <a:pt x="0" y="0"/>
                  </a:moveTo>
                  <a:lnTo>
                    <a:pt x="4215319" y="0"/>
                  </a:lnTo>
                  <a:lnTo>
                    <a:pt x="4215319" y="1361876"/>
                  </a:lnTo>
                  <a:lnTo>
                    <a:pt x="0" y="8949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" name="直角三角形 4"/>
            <p:cNvSpPr/>
            <p:nvPr/>
          </p:nvSpPr>
          <p:spPr>
            <a:xfrm rot="10800000">
              <a:off x="-88900" y="-11906"/>
              <a:ext cx="12280900" cy="2015241"/>
            </a:xfrm>
            <a:custGeom>
              <a:avLst/>
              <a:gdLst>
                <a:gd name="connsiteX0" fmla="*/ 0 w 3822971"/>
                <a:gd name="connsiteY0" fmla="*/ 1167319 h 1167319"/>
                <a:gd name="connsiteX1" fmla="*/ 0 w 3822971"/>
                <a:gd name="connsiteY1" fmla="*/ 0 h 1167319"/>
                <a:gd name="connsiteX2" fmla="*/ 3822971 w 3822971"/>
                <a:gd name="connsiteY2" fmla="*/ 1167319 h 1167319"/>
                <a:gd name="connsiteX3" fmla="*/ 0 w 3822971"/>
                <a:gd name="connsiteY3" fmla="*/ 1167319 h 1167319"/>
                <a:gd name="connsiteX0-1" fmla="*/ 0 w 12179031"/>
                <a:gd name="connsiteY0-2" fmla="*/ 0 h 1225685"/>
                <a:gd name="connsiteX1-3" fmla="*/ 8356060 w 12179031"/>
                <a:gd name="connsiteY1-4" fmla="*/ 58366 h 1225685"/>
                <a:gd name="connsiteX2-5" fmla="*/ 12179031 w 12179031"/>
                <a:gd name="connsiteY2-6" fmla="*/ 1225685 h 1225685"/>
                <a:gd name="connsiteX3-7" fmla="*/ 0 w 12179031"/>
                <a:gd name="connsiteY3-8" fmla="*/ 0 h 1225685"/>
                <a:gd name="connsiteX0-9" fmla="*/ 0 w 12179031"/>
                <a:gd name="connsiteY0-10" fmla="*/ 612842 h 1838527"/>
                <a:gd name="connsiteX1-11" fmla="*/ 1 w 12179031"/>
                <a:gd name="connsiteY1-12" fmla="*/ 0 h 1838527"/>
                <a:gd name="connsiteX2-13" fmla="*/ 12179031 w 12179031"/>
                <a:gd name="connsiteY2-14" fmla="*/ 1838527 h 1838527"/>
                <a:gd name="connsiteX3-15" fmla="*/ 0 w 12179031"/>
                <a:gd name="connsiteY3-16" fmla="*/ 612842 h 1838527"/>
                <a:gd name="connsiteX0-17" fmla="*/ 0 w 12267836"/>
                <a:gd name="connsiteY0-18" fmla="*/ 612842 h 1677218"/>
                <a:gd name="connsiteX1-19" fmla="*/ 1 w 12267836"/>
                <a:gd name="connsiteY1-20" fmla="*/ 0 h 1677218"/>
                <a:gd name="connsiteX2-21" fmla="*/ 12267836 w 12267836"/>
                <a:gd name="connsiteY2-22" fmla="*/ 1677218 h 1677218"/>
                <a:gd name="connsiteX3-23" fmla="*/ 0 w 12267836"/>
                <a:gd name="connsiteY3-24" fmla="*/ 612842 h 1677218"/>
                <a:gd name="connsiteX0-25" fmla="*/ 0 w 12267836"/>
                <a:gd name="connsiteY0-26" fmla="*/ 612842 h 1706437"/>
                <a:gd name="connsiteX1-27" fmla="*/ 1 w 12267836"/>
                <a:gd name="connsiteY1-28" fmla="*/ 0 h 1706437"/>
                <a:gd name="connsiteX2-29" fmla="*/ 12267836 w 12267836"/>
                <a:gd name="connsiteY2-30" fmla="*/ 1706437 h 1706437"/>
                <a:gd name="connsiteX3-31" fmla="*/ 0 w 12267836"/>
                <a:gd name="connsiteY3-32" fmla="*/ 612842 h 17064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2267836" h="1706437">
                  <a:moveTo>
                    <a:pt x="0" y="612842"/>
                  </a:moveTo>
                  <a:cubicBezTo>
                    <a:pt x="0" y="408561"/>
                    <a:pt x="1" y="204281"/>
                    <a:pt x="1" y="0"/>
                  </a:cubicBezTo>
                  <a:lnTo>
                    <a:pt x="12267836" y="1706437"/>
                  </a:lnTo>
                  <a:cubicBezTo>
                    <a:pt x="8208159" y="1297875"/>
                    <a:pt x="4059677" y="1021404"/>
                    <a:pt x="0" y="612842"/>
                  </a:cubicBezTo>
                  <a:close/>
                </a:path>
              </a:pathLst>
            </a:custGeom>
            <a:solidFill>
              <a:srgbClr val="00ADE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" name="直角三角形 2"/>
            <p:cNvSpPr/>
            <p:nvPr/>
          </p:nvSpPr>
          <p:spPr>
            <a:xfrm rot="10800000">
              <a:off x="0" y="-12793"/>
              <a:ext cx="8949447" cy="1016001"/>
            </a:xfrm>
            <a:custGeom>
              <a:avLst/>
              <a:gdLst>
                <a:gd name="connsiteX0" fmla="*/ 0 w 8949447"/>
                <a:gd name="connsiteY0" fmla="*/ 943583 h 943583"/>
                <a:gd name="connsiteX1" fmla="*/ 0 w 8949447"/>
                <a:gd name="connsiteY1" fmla="*/ 0 h 943583"/>
                <a:gd name="connsiteX2" fmla="*/ 8949447 w 8949447"/>
                <a:gd name="connsiteY2" fmla="*/ 943583 h 943583"/>
                <a:gd name="connsiteX3" fmla="*/ 0 w 8949447"/>
                <a:gd name="connsiteY3" fmla="*/ 943583 h 943583"/>
                <a:gd name="connsiteX0-1" fmla="*/ 0 w 8949447"/>
                <a:gd name="connsiteY0-2" fmla="*/ 992221 h 992221"/>
                <a:gd name="connsiteX1-3" fmla="*/ 1147863 w 8949447"/>
                <a:gd name="connsiteY1-4" fmla="*/ 0 h 992221"/>
                <a:gd name="connsiteX2-5" fmla="*/ 8949447 w 8949447"/>
                <a:gd name="connsiteY2-6" fmla="*/ 992221 h 992221"/>
                <a:gd name="connsiteX3-7" fmla="*/ 0 w 8949447"/>
                <a:gd name="connsiteY3-8" fmla="*/ 992221 h 992221"/>
                <a:gd name="connsiteX0-9" fmla="*/ 0 w 8949447"/>
                <a:gd name="connsiteY0-10" fmla="*/ 894945 h 894945"/>
                <a:gd name="connsiteX1-11" fmla="*/ 1021404 w 8949447"/>
                <a:gd name="connsiteY1-12" fmla="*/ 0 h 894945"/>
                <a:gd name="connsiteX2-13" fmla="*/ 8949447 w 8949447"/>
                <a:gd name="connsiteY2-14" fmla="*/ 894945 h 894945"/>
                <a:gd name="connsiteX3-15" fmla="*/ 0 w 8949447"/>
                <a:gd name="connsiteY3-16" fmla="*/ 894945 h 894945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8949447" h="894945">
                  <a:moveTo>
                    <a:pt x="0" y="894945"/>
                  </a:moveTo>
                  <a:lnTo>
                    <a:pt x="1021404" y="0"/>
                  </a:lnTo>
                  <a:lnTo>
                    <a:pt x="8949447" y="894945"/>
                  </a:lnTo>
                  <a:lnTo>
                    <a:pt x="0" y="894945"/>
                  </a:lnTo>
                  <a:close/>
                </a:path>
              </a:pathLst>
            </a:custGeom>
            <a:solidFill>
              <a:srgbClr val="0091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7" name="流程图: 摘录 6"/>
            <p:cNvSpPr/>
            <p:nvPr/>
          </p:nvSpPr>
          <p:spPr>
            <a:xfrm rot="5400000">
              <a:off x="715018" y="-715022"/>
              <a:ext cx="1361876" cy="2791913"/>
            </a:xfrm>
            <a:custGeom>
              <a:avLst/>
              <a:gdLst>
                <a:gd name="connsiteX0" fmla="*/ 0 w 10000"/>
                <a:gd name="connsiteY0" fmla="*/ 10000 h 10000"/>
                <a:gd name="connsiteX1" fmla="*/ 5000 w 10000"/>
                <a:gd name="connsiteY1" fmla="*/ 0 h 10000"/>
                <a:gd name="connsiteX2" fmla="*/ 10000 w 10000"/>
                <a:gd name="connsiteY2" fmla="*/ 10000 h 10000"/>
                <a:gd name="connsiteX3" fmla="*/ 0 w 10000"/>
                <a:gd name="connsiteY3" fmla="*/ 10000 h 10000"/>
                <a:gd name="connsiteX0-1" fmla="*/ 0 w 10000"/>
                <a:gd name="connsiteY0-2" fmla="*/ 16020 h 16020"/>
                <a:gd name="connsiteX1-3" fmla="*/ 3500 w 10000"/>
                <a:gd name="connsiteY1-4" fmla="*/ 0 h 16020"/>
                <a:gd name="connsiteX2-5" fmla="*/ 10000 w 10000"/>
                <a:gd name="connsiteY2-6" fmla="*/ 16020 h 16020"/>
                <a:gd name="connsiteX3-7" fmla="*/ 0 w 10000"/>
                <a:gd name="connsiteY3-8" fmla="*/ 16020 h 16020"/>
                <a:gd name="connsiteX0-9" fmla="*/ 0 w 10000"/>
                <a:gd name="connsiteY0-10" fmla="*/ 14428 h 14428"/>
                <a:gd name="connsiteX1-11" fmla="*/ 3214 w 10000"/>
                <a:gd name="connsiteY1-12" fmla="*/ 0 h 14428"/>
                <a:gd name="connsiteX2-13" fmla="*/ 10000 w 10000"/>
                <a:gd name="connsiteY2-14" fmla="*/ 14428 h 14428"/>
                <a:gd name="connsiteX3-15" fmla="*/ 0 w 10000"/>
                <a:gd name="connsiteY3-16" fmla="*/ 14428 h 14428"/>
                <a:gd name="connsiteX0-17" fmla="*/ 0 w 10000"/>
                <a:gd name="connsiteY0-18" fmla="*/ 14279 h 14279"/>
                <a:gd name="connsiteX1-19" fmla="*/ 3143 w 10000"/>
                <a:gd name="connsiteY1-20" fmla="*/ 0 h 14279"/>
                <a:gd name="connsiteX2-21" fmla="*/ 10000 w 10000"/>
                <a:gd name="connsiteY2-22" fmla="*/ 14279 h 14279"/>
                <a:gd name="connsiteX3-23" fmla="*/ 0 w 10000"/>
                <a:gd name="connsiteY3-24" fmla="*/ 14279 h 14279"/>
                <a:gd name="connsiteX0-25" fmla="*/ 0 w 10000"/>
                <a:gd name="connsiteY0-26" fmla="*/ 14279 h 14279"/>
                <a:gd name="connsiteX1-27" fmla="*/ 3072 w 10000"/>
                <a:gd name="connsiteY1-28" fmla="*/ 0 h 14279"/>
                <a:gd name="connsiteX2-29" fmla="*/ 10000 w 10000"/>
                <a:gd name="connsiteY2-30" fmla="*/ 14279 h 14279"/>
                <a:gd name="connsiteX3-31" fmla="*/ 0 w 10000"/>
                <a:gd name="connsiteY3-32" fmla="*/ 14279 h 14279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0000" h="14279">
                  <a:moveTo>
                    <a:pt x="0" y="14279"/>
                  </a:moveTo>
                  <a:lnTo>
                    <a:pt x="3072" y="0"/>
                  </a:lnTo>
                  <a:lnTo>
                    <a:pt x="10000" y="14279"/>
                  </a:lnTo>
                  <a:lnTo>
                    <a:pt x="0" y="1427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矩形 7"/>
            <p:cNvSpPr/>
            <p:nvPr/>
          </p:nvSpPr>
          <p:spPr>
            <a:xfrm>
              <a:off x="-19455" y="418491"/>
              <a:ext cx="2985985" cy="1244937"/>
            </a:xfrm>
            <a:custGeom>
              <a:avLst/>
              <a:gdLst>
                <a:gd name="connsiteX0" fmla="*/ 0 w 3210127"/>
                <a:gd name="connsiteY0" fmla="*/ 0 h 632298"/>
                <a:gd name="connsiteX1" fmla="*/ 3210127 w 3210127"/>
                <a:gd name="connsiteY1" fmla="*/ 0 h 632298"/>
                <a:gd name="connsiteX2" fmla="*/ 3210127 w 3210127"/>
                <a:gd name="connsiteY2" fmla="*/ 632298 h 632298"/>
                <a:gd name="connsiteX3" fmla="*/ 0 w 3210127"/>
                <a:gd name="connsiteY3" fmla="*/ 632298 h 632298"/>
                <a:gd name="connsiteX4" fmla="*/ 0 w 3210127"/>
                <a:gd name="connsiteY4" fmla="*/ 0 h 632298"/>
                <a:gd name="connsiteX0-1" fmla="*/ 0 w 3210127"/>
                <a:gd name="connsiteY0-2" fmla="*/ 933855 h 1566153"/>
                <a:gd name="connsiteX1-3" fmla="*/ 2830749 w 3210127"/>
                <a:gd name="connsiteY1-4" fmla="*/ 0 h 1566153"/>
                <a:gd name="connsiteX2-5" fmla="*/ 3210127 w 3210127"/>
                <a:gd name="connsiteY2-6" fmla="*/ 1566153 h 1566153"/>
                <a:gd name="connsiteX3-7" fmla="*/ 0 w 3210127"/>
                <a:gd name="connsiteY3-8" fmla="*/ 1566153 h 1566153"/>
                <a:gd name="connsiteX4-9" fmla="*/ 0 w 3210127"/>
                <a:gd name="connsiteY4-10" fmla="*/ 933855 h 1566153"/>
                <a:gd name="connsiteX0-11" fmla="*/ 0 w 2986391"/>
                <a:gd name="connsiteY0-12" fmla="*/ 933855 h 1566153"/>
                <a:gd name="connsiteX1-13" fmla="*/ 2830749 w 2986391"/>
                <a:gd name="connsiteY1-14" fmla="*/ 0 h 1566153"/>
                <a:gd name="connsiteX2-15" fmla="*/ 2986391 w 2986391"/>
                <a:gd name="connsiteY2-16" fmla="*/ 38911 h 1566153"/>
                <a:gd name="connsiteX3-17" fmla="*/ 0 w 2986391"/>
                <a:gd name="connsiteY3-18" fmla="*/ 1566153 h 1566153"/>
                <a:gd name="connsiteX4-19" fmla="*/ 0 w 2986391"/>
                <a:gd name="connsiteY4-20" fmla="*/ 933855 h 1566153"/>
                <a:gd name="connsiteX0-21" fmla="*/ 19455 w 3005846"/>
                <a:gd name="connsiteY0-22" fmla="*/ 933855 h 1235412"/>
                <a:gd name="connsiteX1-23" fmla="*/ 2850204 w 3005846"/>
                <a:gd name="connsiteY1-24" fmla="*/ 0 h 1235412"/>
                <a:gd name="connsiteX2-25" fmla="*/ 3005846 w 3005846"/>
                <a:gd name="connsiteY2-26" fmla="*/ 38911 h 1235412"/>
                <a:gd name="connsiteX3-27" fmla="*/ 0 w 3005846"/>
                <a:gd name="connsiteY3-28" fmla="*/ 1235412 h 1235412"/>
                <a:gd name="connsiteX4-29" fmla="*/ 19455 w 3005846"/>
                <a:gd name="connsiteY4-30" fmla="*/ 933855 h 1235412"/>
                <a:gd name="connsiteX0-31" fmla="*/ 19455 w 2947480"/>
                <a:gd name="connsiteY0-32" fmla="*/ 933855 h 1235412"/>
                <a:gd name="connsiteX1-33" fmla="*/ 2850204 w 2947480"/>
                <a:gd name="connsiteY1-34" fmla="*/ 0 h 1235412"/>
                <a:gd name="connsiteX2-35" fmla="*/ 2947480 w 2947480"/>
                <a:gd name="connsiteY2-36" fmla="*/ 38911 h 1235412"/>
                <a:gd name="connsiteX3-37" fmla="*/ 0 w 2947480"/>
                <a:gd name="connsiteY3-38" fmla="*/ 1235412 h 1235412"/>
                <a:gd name="connsiteX4-39" fmla="*/ 19455 w 2947480"/>
                <a:gd name="connsiteY4-40" fmla="*/ 933855 h 1235412"/>
                <a:gd name="connsiteX0-41" fmla="*/ 19455 w 2947480"/>
                <a:gd name="connsiteY0-42" fmla="*/ 933855 h 1235412"/>
                <a:gd name="connsiteX1-43" fmla="*/ 2821021 w 2947480"/>
                <a:gd name="connsiteY1-44" fmla="*/ 0 h 1235412"/>
                <a:gd name="connsiteX2-45" fmla="*/ 2947480 w 2947480"/>
                <a:gd name="connsiteY2-46" fmla="*/ 38911 h 1235412"/>
                <a:gd name="connsiteX3-47" fmla="*/ 0 w 2947480"/>
                <a:gd name="connsiteY3-48" fmla="*/ 1235412 h 1235412"/>
                <a:gd name="connsiteX4-49" fmla="*/ 19455 w 2947480"/>
                <a:gd name="connsiteY4-50" fmla="*/ 933855 h 1235412"/>
                <a:gd name="connsiteX0-51" fmla="*/ 19455 w 2966935"/>
                <a:gd name="connsiteY0-52" fmla="*/ 933855 h 1235412"/>
                <a:gd name="connsiteX1-53" fmla="*/ 2821021 w 2966935"/>
                <a:gd name="connsiteY1-54" fmla="*/ 0 h 1235412"/>
                <a:gd name="connsiteX2-55" fmla="*/ 2966935 w 2966935"/>
                <a:gd name="connsiteY2-56" fmla="*/ 29184 h 1235412"/>
                <a:gd name="connsiteX3-57" fmla="*/ 0 w 2966935"/>
                <a:gd name="connsiteY3-58" fmla="*/ 1235412 h 1235412"/>
                <a:gd name="connsiteX4-59" fmla="*/ 19455 w 2966935"/>
                <a:gd name="connsiteY4-60" fmla="*/ 933855 h 1235412"/>
                <a:gd name="connsiteX0-61" fmla="*/ 19455 w 2966935"/>
                <a:gd name="connsiteY0-62" fmla="*/ 933855 h 1235412"/>
                <a:gd name="connsiteX1-63" fmla="*/ 2786515 w 2966935"/>
                <a:gd name="connsiteY1-64" fmla="*/ 0 h 1235412"/>
                <a:gd name="connsiteX2-65" fmla="*/ 2966935 w 2966935"/>
                <a:gd name="connsiteY2-66" fmla="*/ 29184 h 1235412"/>
                <a:gd name="connsiteX3-67" fmla="*/ 0 w 2966935"/>
                <a:gd name="connsiteY3-68" fmla="*/ 1235412 h 1235412"/>
                <a:gd name="connsiteX4-69" fmla="*/ 19455 w 2966935"/>
                <a:gd name="connsiteY4-70" fmla="*/ 933855 h 1235412"/>
                <a:gd name="connsiteX0-71" fmla="*/ 19455 w 2966935"/>
                <a:gd name="connsiteY0-72" fmla="*/ 943380 h 1244937"/>
                <a:gd name="connsiteX1-73" fmla="*/ 2803183 w 2966935"/>
                <a:gd name="connsiteY1-74" fmla="*/ 0 h 1244937"/>
                <a:gd name="connsiteX2-75" fmla="*/ 2966935 w 2966935"/>
                <a:gd name="connsiteY2-76" fmla="*/ 38709 h 1244937"/>
                <a:gd name="connsiteX3-77" fmla="*/ 0 w 2966935"/>
                <a:gd name="connsiteY3-78" fmla="*/ 1244937 h 1244937"/>
                <a:gd name="connsiteX4-79" fmla="*/ 19455 w 2966935"/>
                <a:gd name="connsiteY4-80" fmla="*/ 943380 h 1244937"/>
                <a:gd name="connsiteX0-81" fmla="*/ 19455 w 2985985"/>
                <a:gd name="connsiteY0-82" fmla="*/ 943380 h 1244937"/>
                <a:gd name="connsiteX1-83" fmla="*/ 2803183 w 2985985"/>
                <a:gd name="connsiteY1-84" fmla="*/ 0 h 1244937"/>
                <a:gd name="connsiteX2-85" fmla="*/ 2985985 w 2985985"/>
                <a:gd name="connsiteY2-86" fmla="*/ 29184 h 1244937"/>
                <a:gd name="connsiteX3-87" fmla="*/ 0 w 2985985"/>
                <a:gd name="connsiteY3-88" fmla="*/ 1244937 h 1244937"/>
                <a:gd name="connsiteX4-89" fmla="*/ 19455 w 2985985"/>
                <a:gd name="connsiteY4-90" fmla="*/ 943380 h 12449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2985985" h="1244937">
                  <a:moveTo>
                    <a:pt x="19455" y="943380"/>
                  </a:moveTo>
                  <a:lnTo>
                    <a:pt x="2803183" y="0"/>
                  </a:lnTo>
                  <a:lnTo>
                    <a:pt x="2985985" y="29184"/>
                  </a:lnTo>
                  <a:lnTo>
                    <a:pt x="0" y="1244937"/>
                  </a:lnTo>
                  <a:lnTo>
                    <a:pt x="19455" y="943380"/>
                  </a:lnTo>
                  <a:close/>
                </a:path>
              </a:pathLst>
            </a:custGeom>
            <a:solidFill>
              <a:srgbClr val="E0E0E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pic>
        <p:nvPicPr>
          <p:cNvPr id="16" name="Plane" descr="下载"/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prstClr val="black"/>
              <a:schemeClr val="bg1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 rot="20541307">
            <a:off x="-252249" y="1599566"/>
            <a:ext cx="7772492" cy="6391427"/>
          </a:xfrm>
          <a:prstGeom prst="rect">
            <a:avLst/>
          </a:prstGeom>
        </p:spPr>
      </p:pic>
      <p:sp>
        <p:nvSpPr>
          <p:cNvPr id="23" name="文本框 25"/>
          <p:cNvSpPr txBox="1"/>
          <p:nvPr/>
        </p:nvSpPr>
        <p:spPr>
          <a:xfrm>
            <a:off x="2717955" y="1753235"/>
            <a:ext cx="8602345" cy="1106805"/>
          </a:xfrm>
          <a:prstGeom prst="rect">
            <a:avLst/>
          </a:prstGeom>
          <a:noFill/>
        </p:spPr>
        <p:txBody>
          <a:bodyPr wrap="square" rtlCol="0">
            <a:spAutoFit/>
            <a:scene3d>
              <a:camera prst="orthographicFront"/>
              <a:lightRig rig="threePt" dir="t"/>
            </a:scene3d>
          </a:bodyPr>
          <a:lstStyle/>
          <a:p>
            <a:r>
              <a:rPr lang="en-US" altLang="zh-CN" sz="6600" dirty="0">
                <a:ln w="9525">
                  <a:solidFill>
                    <a:schemeClr val="bg1"/>
                  </a:solidFill>
                  <a:prstDash val="solid"/>
                </a:ln>
                <a:solidFill>
                  <a:srgbClr val="002060"/>
                </a:solidFill>
                <a:effectLst>
                  <a:outerShdw blurRad="12700" dist="38100" dir="2700000" algn="tl" rotWithShape="0">
                    <a:schemeClr val="accent5">
                      <a:lumMod val="60000"/>
                      <a:lumOff val="40000"/>
                    </a:schemeClr>
                  </a:outerShdw>
                </a:effectLst>
                <a:uFillTx/>
                <a:latin typeface="Impact" panose="020B0806030902050204" pitchFamily="34" charset="0"/>
                <a:sym typeface="+mn-ea"/>
              </a:rPr>
              <a:t>Flight Data Visualisation</a:t>
            </a:r>
          </a:p>
        </p:txBody>
      </p:sp>
      <p:sp>
        <p:nvSpPr>
          <p:cNvPr id="25" name="标题 1"/>
          <p:cNvSpPr txBox="1"/>
          <p:nvPr/>
        </p:nvSpPr>
        <p:spPr>
          <a:xfrm>
            <a:off x="7622338" y="3389971"/>
            <a:ext cx="3990975" cy="674631"/>
          </a:xfrm>
          <a:prstGeom prst="rect">
            <a:avLst/>
          </a:prstGeom>
          <a:solidFill>
            <a:schemeClr val="accent1">
              <a:lumMod val="50000"/>
            </a:schemeClr>
          </a:solidFill>
          <a:ln w="19050">
            <a:noFill/>
          </a:ln>
          <a:effectLst>
            <a:outerShdw blurRad="50800" dist="50800" dir="5400000" algn="ctr" rotWithShape="0">
              <a:srgbClr val="000000"/>
            </a:outerShdw>
          </a:effectLst>
        </p:spPr>
        <p:txBody>
          <a:bodyPr vert="horz" lIns="91440" tIns="45720" rIns="91440" bIns="45720" rtlCol="0" anchor="ctr" anchorCtr="0"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r>
              <a:rPr kumimoji="0" lang="en-US" altLang="zh-CN" sz="2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ahoma" panose="020B0604030504040204" charset="0"/>
                <a:ea typeface="华文中宋" panose="02010600040101010101" charset="-122"/>
                <a:cs typeface="+mj-cs"/>
              </a:rPr>
              <a:t>Group 30:</a:t>
            </a:r>
            <a:r>
              <a:rPr kumimoji="0" lang="en-US" altLang="zh-CN" sz="24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ahoma" panose="020B0604030504040204" charset="0"/>
                <a:ea typeface="华文中宋" panose="02010600040101010101" charset="-122"/>
                <a:cs typeface="+mj-cs"/>
              </a:rPr>
              <a:t> </a:t>
            </a:r>
          </a:p>
        </p:txBody>
      </p:sp>
      <p:graphicFrame>
        <p:nvGraphicFramePr>
          <p:cNvPr id="27" name="表格 11"/>
          <p:cNvGraphicFramePr/>
          <p:nvPr/>
        </p:nvGraphicFramePr>
        <p:xfrm>
          <a:off x="7622339" y="4064602"/>
          <a:ext cx="3990975" cy="2286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599055"/>
                <a:gridCol w="1391920"/>
              </a:tblGrid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Nagib  Shah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360839)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Xinan  Ma  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489934)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Alan   Shen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194809</a:t>
                      </a:r>
                      <a:r>
                        <a:rPr 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Young Choi  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346338)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Qiushi Zhang  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119101</a:t>
                      </a:r>
                      <a:r>
                        <a:rPr lang="en-US" altLang="zh-CN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Girishkumar Dhotarkar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351620</a:t>
                      </a:r>
                      <a:r>
                        <a:rPr lang="en-US" altLang="zh-CN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30" name="Freeform 6"/>
          <p:cNvSpPr>
            <a:spLocks/>
          </p:cNvSpPr>
          <p:nvPr/>
        </p:nvSpPr>
        <p:spPr bwMode="auto">
          <a:xfrm rot="6163272">
            <a:off x="5681220" y="3096232"/>
            <a:ext cx="1119471" cy="1013333"/>
          </a:xfrm>
          <a:custGeom>
            <a:avLst/>
            <a:gdLst>
              <a:gd name="T0" fmla="*/ 88 w 176"/>
              <a:gd name="T1" fmla="*/ 0 h 177"/>
              <a:gd name="T2" fmla="*/ 0 w 176"/>
              <a:gd name="T3" fmla="*/ 88 h 177"/>
              <a:gd name="T4" fmla="*/ 88 w 176"/>
              <a:gd name="T5" fmla="*/ 177 h 177"/>
              <a:gd name="T6" fmla="*/ 176 w 176"/>
              <a:gd name="T7" fmla="*/ 88 h 177"/>
              <a:gd name="T8" fmla="*/ 176 w 176"/>
              <a:gd name="T9" fmla="*/ 0 h 177"/>
              <a:gd name="T10" fmla="*/ 88 w 176"/>
              <a:gd name="T11" fmla="*/ 0 h 17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176" h="177">
                <a:moveTo>
                  <a:pt x="88" y="0"/>
                </a:moveTo>
                <a:cubicBezTo>
                  <a:pt x="39" y="0"/>
                  <a:pt x="0" y="40"/>
                  <a:pt x="0" y="88"/>
                </a:cubicBezTo>
                <a:cubicBezTo>
                  <a:pt x="0" y="137"/>
                  <a:pt x="39" y="177"/>
                  <a:pt x="88" y="177"/>
                </a:cubicBezTo>
                <a:cubicBezTo>
                  <a:pt x="137" y="177"/>
                  <a:pt x="176" y="137"/>
                  <a:pt x="176" y="88"/>
                </a:cubicBezTo>
                <a:cubicBezTo>
                  <a:pt x="176" y="0"/>
                  <a:pt x="176" y="0"/>
                  <a:pt x="176" y="0"/>
                </a:cubicBezTo>
                <a:lnTo>
                  <a:pt x="88" y="0"/>
                </a:lnTo>
                <a:close/>
              </a:path>
            </a:pathLst>
          </a:custGeom>
          <a:solidFill>
            <a:srgbClr val="8D010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/>
            <a:endParaRPr lang="zh-CN" altLang="en-US" sz="5000" b="0" dirty="0">
              <a:solidFill>
                <a:schemeClr val="bg1"/>
              </a:solidFill>
            </a:endParaRPr>
          </a:p>
        </p:txBody>
      </p:sp>
      <p:sp>
        <p:nvSpPr>
          <p:cNvPr id="33" name="Freeform 6"/>
          <p:cNvSpPr>
            <a:spLocks/>
          </p:cNvSpPr>
          <p:nvPr/>
        </p:nvSpPr>
        <p:spPr bwMode="auto">
          <a:xfrm rot="6163272">
            <a:off x="4746465" y="3280800"/>
            <a:ext cx="1109938" cy="1004704"/>
          </a:xfrm>
          <a:custGeom>
            <a:avLst/>
            <a:gdLst>
              <a:gd name="T0" fmla="*/ 88 w 176"/>
              <a:gd name="T1" fmla="*/ 0 h 177"/>
              <a:gd name="T2" fmla="*/ 0 w 176"/>
              <a:gd name="T3" fmla="*/ 88 h 177"/>
              <a:gd name="T4" fmla="*/ 88 w 176"/>
              <a:gd name="T5" fmla="*/ 177 h 177"/>
              <a:gd name="T6" fmla="*/ 176 w 176"/>
              <a:gd name="T7" fmla="*/ 88 h 177"/>
              <a:gd name="T8" fmla="*/ 176 w 176"/>
              <a:gd name="T9" fmla="*/ 0 h 177"/>
              <a:gd name="T10" fmla="*/ 88 w 176"/>
              <a:gd name="T11" fmla="*/ 0 h 17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176" h="177">
                <a:moveTo>
                  <a:pt x="88" y="0"/>
                </a:moveTo>
                <a:cubicBezTo>
                  <a:pt x="39" y="0"/>
                  <a:pt x="0" y="40"/>
                  <a:pt x="0" y="88"/>
                </a:cubicBezTo>
                <a:cubicBezTo>
                  <a:pt x="0" y="137"/>
                  <a:pt x="39" y="177"/>
                  <a:pt x="88" y="177"/>
                </a:cubicBezTo>
                <a:cubicBezTo>
                  <a:pt x="137" y="177"/>
                  <a:pt x="176" y="137"/>
                  <a:pt x="176" y="88"/>
                </a:cubicBezTo>
                <a:cubicBezTo>
                  <a:pt x="176" y="0"/>
                  <a:pt x="176" y="0"/>
                  <a:pt x="176" y="0"/>
                </a:cubicBezTo>
                <a:lnTo>
                  <a:pt x="88" y="0"/>
                </a:lnTo>
                <a:close/>
              </a:path>
            </a:pathLst>
          </a:custGeom>
          <a:solidFill>
            <a:srgbClr val="8D0102"/>
          </a:solidFill>
          <a:ln>
            <a:noFill/>
          </a:ln>
          <a:ex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/>
            <a:endParaRPr lang="zh-CN" altLang="en-US" sz="5000" b="0" dirty="0">
              <a:solidFill>
                <a:schemeClr val="bg1"/>
              </a:solidFill>
            </a:endParaRPr>
          </a:p>
        </p:txBody>
      </p:sp>
      <p:sp>
        <p:nvSpPr>
          <p:cNvPr id="34" name="Freeform 6"/>
          <p:cNvSpPr>
            <a:spLocks/>
          </p:cNvSpPr>
          <p:nvPr/>
        </p:nvSpPr>
        <p:spPr bwMode="auto">
          <a:xfrm rot="6163272">
            <a:off x="2245284" y="3938212"/>
            <a:ext cx="993775" cy="899554"/>
          </a:xfrm>
          <a:custGeom>
            <a:avLst/>
            <a:gdLst>
              <a:gd name="T0" fmla="*/ 88 w 176"/>
              <a:gd name="T1" fmla="*/ 0 h 177"/>
              <a:gd name="T2" fmla="*/ 0 w 176"/>
              <a:gd name="T3" fmla="*/ 88 h 177"/>
              <a:gd name="T4" fmla="*/ 88 w 176"/>
              <a:gd name="T5" fmla="*/ 177 h 177"/>
              <a:gd name="T6" fmla="*/ 176 w 176"/>
              <a:gd name="T7" fmla="*/ 88 h 177"/>
              <a:gd name="T8" fmla="*/ 176 w 176"/>
              <a:gd name="T9" fmla="*/ 0 h 177"/>
              <a:gd name="T10" fmla="*/ 88 w 176"/>
              <a:gd name="T11" fmla="*/ 0 h 17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176" h="177">
                <a:moveTo>
                  <a:pt x="88" y="0"/>
                </a:moveTo>
                <a:cubicBezTo>
                  <a:pt x="39" y="0"/>
                  <a:pt x="0" y="40"/>
                  <a:pt x="0" y="88"/>
                </a:cubicBezTo>
                <a:cubicBezTo>
                  <a:pt x="0" y="137"/>
                  <a:pt x="39" y="177"/>
                  <a:pt x="88" y="177"/>
                </a:cubicBezTo>
                <a:cubicBezTo>
                  <a:pt x="137" y="177"/>
                  <a:pt x="176" y="137"/>
                  <a:pt x="176" y="88"/>
                </a:cubicBezTo>
                <a:cubicBezTo>
                  <a:pt x="176" y="0"/>
                  <a:pt x="176" y="0"/>
                  <a:pt x="176" y="0"/>
                </a:cubicBezTo>
                <a:lnTo>
                  <a:pt x="88" y="0"/>
                </a:lnTo>
                <a:close/>
              </a:path>
            </a:pathLst>
          </a:custGeom>
          <a:solidFill>
            <a:srgbClr val="0E237F"/>
          </a:solidFill>
          <a:ln>
            <a:noFill/>
          </a:ln>
          <a:ex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/>
            <a:endParaRPr lang="zh-CN" altLang="en-US" sz="5000" b="0" dirty="0">
              <a:solidFill>
                <a:schemeClr val="bg1"/>
              </a:solidFill>
            </a:endParaRPr>
          </a:p>
        </p:txBody>
      </p:sp>
      <p:pic>
        <p:nvPicPr>
          <p:cNvPr id="17" name="图片 1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76276" y="3902819"/>
            <a:ext cx="970340" cy="970340"/>
          </a:xfrm>
          <a:prstGeom prst="rect">
            <a:avLst/>
          </a:prstGeom>
        </p:spPr>
      </p:pic>
      <p:pic>
        <p:nvPicPr>
          <p:cNvPr id="15" name="图片 1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763082" y="3242212"/>
            <a:ext cx="1076703" cy="1076703"/>
          </a:xfrm>
          <a:prstGeom prst="rect">
            <a:avLst/>
          </a:prstGeom>
        </p:spPr>
      </p:pic>
      <p:sp>
        <p:nvSpPr>
          <p:cNvPr id="37" name="Freeform 6"/>
          <p:cNvSpPr>
            <a:spLocks/>
          </p:cNvSpPr>
          <p:nvPr/>
        </p:nvSpPr>
        <p:spPr bwMode="auto">
          <a:xfrm rot="6163272">
            <a:off x="1679121" y="4105019"/>
            <a:ext cx="956872" cy="866150"/>
          </a:xfrm>
          <a:custGeom>
            <a:avLst/>
            <a:gdLst>
              <a:gd name="T0" fmla="*/ 88 w 176"/>
              <a:gd name="T1" fmla="*/ 0 h 177"/>
              <a:gd name="T2" fmla="*/ 0 w 176"/>
              <a:gd name="T3" fmla="*/ 88 h 177"/>
              <a:gd name="T4" fmla="*/ 88 w 176"/>
              <a:gd name="T5" fmla="*/ 177 h 177"/>
              <a:gd name="T6" fmla="*/ 176 w 176"/>
              <a:gd name="T7" fmla="*/ 88 h 177"/>
              <a:gd name="T8" fmla="*/ 176 w 176"/>
              <a:gd name="T9" fmla="*/ 0 h 177"/>
              <a:gd name="T10" fmla="*/ 88 w 176"/>
              <a:gd name="T11" fmla="*/ 0 h 17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176" h="177">
                <a:moveTo>
                  <a:pt x="88" y="0"/>
                </a:moveTo>
                <a:cubicBezTo>
                  <a:pt x="39" y="0"/>
                  <a:pt x="0" y="40"/>
                  <a:pt x="0" y="88"/>
                </a:cubicBezTo>
                <a:cubicBezTo>
                  <a:pt x="0" y="137"/>
                  <a:pt x="39" y="177"/>
                  <a:pt x="88" y="177"/>
                </a:cubicBezTo>
                <a:cubicBezTo>
                  <a:pt x="137" y="177"/>
                  <a:pt x="176" y="137"/>
                  <a:pt x="176" y="88"/>
                </a:cubicBezTo>
                <a:cubicBezTo>
                  <a:pt x="176" y="0"/>
                  <a:pt x="176" y="0"/>
                  <a:pt x="176" y="0"/>
                </a:cubicBezTo>
                <a:lnTo>
                  <a:pt x="88" y="0"/>
                </a:lnTo>
                <a:close/>
              </a:path>
            </a:pathLst>
          </a:custGeom>
          <a:solidFill>
            <a:srgbClr val="0E237F"/>
          </a:solidFill>
          <a:ln>
            <a:noFill/>
          </a:ln>
          <a:ex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/>
            <a:endParaRPr lang="zh-CN" altLang="en-US" sz="5000" b="0" dirty="0">
              <a:solidFill>
                <a:schemeClr val="bg1"/>
              </a:solidFill>
            </a:endParaRPr>
          </a:p>
        </p:txBody>
      </p:sp>
      <p:pic>
        <p:nvPicPr>
          <p:cNvPr id="22" name="图片 2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674988" y="4068678"/>
            <a:ext cx="957734" cy="938831"/>
          </a:xfrm>
          <a:prstGeom prst="rect">
            <a:avLst/>
          </a:prstGeom>
        </p:spPr>
      </p:pic>
      <p:sp>
        <p:nvSpPr>
          <p:cNvPr id="38" name="Freeform 6"/>
          <p:cNvSpPr>
            <a:spLocks/>
          </p:cNvSpPr>
          <p:nvPr/>
        </p:nvSpPr>
        <p:spPr bwMode="auto">
          <a:xfrm rot="6163272">
            <a:off x="820522" y="4179197"/>
            <a:ext cx="1058804" cy="958418"/>
          </a:xfrm>
          <a:custGeom>
            <a:avLst/>
            <a:gdLst>
              <a:gd name="T0" fmla="*/ 88 w 176"/>
              <a:gd name="T1" fmla="*/ 0 h 177"/>
              <a:gd name="T2" fmla="*/ 0 w 176"/>
              <a:gd name="T3" fmla="*/ 88 h 177"/>
              <a:gd name="T4" fmla="*/ 88 w 176"/>
              <a:gd name="T5" fmla="*/ 177 h 177"/>
              <a:gd name="T6" fmla="*/ 176 w 176"/>
              <a:gd name="T7" fmla="*/ 88 h 177"/>
              <a:gd name="T8" fmla="*/ 176 w 176"/>
              <a:gd name="T9" fmla="*/ 0 h 177"/>
              <a:gd name="T10" fmla="*/ 88 w 176"/>
              <a:gd name="T11" fmla="*/ 0 h 17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176" h="177">
                <a:moveTo>
                  <a:pt x="88" y="0"/>
                </a:moveTo>
                <a:cubicBezTo>
                  <a:pt x="39" y="0"/>
                  <a:pt x="0" y="40"/>
                  <a:pt x="0" y="88"/>
                </a:cubicBezTo>
                <a:cubicBezTo>
                  <a:pt x="0" y="137"/>
                  <a:pt x="39" y="177"/>
                  <a:pt x="88" y="177"/>
                </a:cubicBezTo>
                <a:cubicBezTo>
                  <a:pt x="137" y="177"/>
                  <a:pt x="176" y="137"/>
                  <a:pt x="176" y="88"/>
                </a:cubicBezTo>
                <a:cubicBezTo>
                  <a:pt x="176" y="0"/>
                  <a:pt x="176" y="0"/>
                  <a:pt x="176" y="0"/>
                </a:cubicBezTo>
                <a:lnTo>
                  <a:pt x="88" y="0"/>
                </a:lnTo>
                <a:close/>
              </a:path>
            </a:pathLst>
          </a:custGeom>
          <a:solidFill>
            <a:srgbClr val="0E237F"/>
          </a:solidFill>
          <a:ln>
            <a:noFill/>
          </a:ln>
          <a:ex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/>
            <a:endParaRPr lang="zh-CN" altLang="en-US" sz="5000" b="0" dirty="0">
              <a:solidFill>
                <a:schemeClr val="bg1"/>
              </a:solidFill>
            </a:endParaRPr>
          </a:p>
        </p:txBody>
      </p:sp>
      <p:pic>
        <p:nvPicPr>
          <p:cNvPr id="18" name="图片 17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4368" y="4144924"/>
            <a:ext cx="1018537" cy="1018537"/>
          </a:xfrm>
          <a:prstGeom prst="rect">
            <a:avLst/>
          </a:prstGeom>
        </p:spPr>
      </p:pic>
      <p:sp>
        <p:nvSpPr>
          <p:cNvPr id="39" name="Freeform 6"/>
          <p:cNvSpPr>
            <a:spLocks/>
          </p:cNvSpPr>
          <p:nvPr/>
        </p:nvSpPr>
        <p:spPr bwMode="auto">
          <a:xfrm rot="6163272">
            <a:off x="161035" y="4324731"/>
            <a:ext cx="1039668" cy="941096"/>
          </a:xfrm>
          <a:custGeom>
            <a:avLst/>
            <a:gdLst>
              <a:gd name="T0" fmla="*/ 88 w 176"/>
              <a:gd name="T1" fmla="*/ 0 h 177"/>
              <a:gd name="T2" fmla="*/ 0 w 176"/>
              <a:gd name="T3" fmla="*/ 88 h 177"/>
              <a:gd name="T4" fmla="*/ 88 w 176"/>
              <a:gd name="T5" fmla="*/ 177 h 177"/>
              <a:gd name="T6" fmla="*/ 176 w 176"/>
              <a:gd name="T7" fmla="*/ 88 h 177"/>
              <a:gd name="T8" fmla="*/ 176 w 176"/>
              <a:gd name="T9" fmla="*/ 0 h 177"/>
              <a:gd name="T10" fmla="*/ 88 w 176"/>
              <a:gd name="T11" fmla="*/ 0 h 17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176" h="177">
                <a:moveTo>
                  <a:pt x="88" y="0"/>
                </a:moveTo>
                <a:cubicBezTo>
                  <a:pt x="39" y="0"/>
                  <a:pt x="0" y="40"/>
                  <a:pt x="0" y="88"/>
                </a:cubicBezTo>
                <a:cubicBezTo>
                  <a:pt x="0" y="137"/>
                  <a:pt x="39" y="177"/>
                  <a:pt x="88" y="177"/>
                </a:cubicBezTo>
                <a:cubicBezTo>
                  <a:pt x="137" y="177"/>
                  <a:pt x="176" y="137"/>
                  <a:pt x="176" y="88"/>
                </a:cubicBezTo>
                <a:cubicBezTo>
                  <a:pt x="176" y="0"/>
                  <a:pt x="176" y="0"/>
                  <a:pt x="176" y="0"/>
                </a:cubicBezTo>
                <a:lnTo>
                  <a:pt x="88" y="0"/>
                </a:lnTo>
                <a:close/>
              </a:path>
            </a:pathLst>
          </a:custGeom>
          <a:solidFill>
            <a:srgbClr val="0E237F"/>
          </a:solidFill>
          <a:ln>
            <a:noFill/>
          </a:ln>
          <a:ex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/>
            <a:endParaRPr lang="zh-CN" altLang="en-US" sz="5000" b="0" dirty="0">
              <a:solidFill>
                <a:schemeClr val="bg1"/>
              </a:solidFill>
            </a:endParaRPr>
          </a:p>
        </p:txBody>
      </p:sp>
      <p:pic>
        <p:nvPicPr>
          <p:cNvPr id="20" name="图片 19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1758" y="4287727"/>
            <a:ext cx="984185" cy="984185"/>
          </a:xfrm>
          <a:prstGeom prst="rect">
            <a:avLst/>
          </a:prstGeom>
        </p:spPr>
      </p:pic>
      <p:pic>
        <p:nvPicPr>
          <p:cNvPr id="2" name="图片 1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5685608" y="3032873"/>
            <a:ext cx="1110694" cy="1110694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5" presetClass="path" presetSubtype="0" repeatCount="indefinite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3593E-6 7.19408E-7 L -0.10153 -0.00139 " pathEditMode="relative" rAng="0" ptsTypes="AA">
                                      <p:cBhvr>
                                        <p:cTn id="6" dur="12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100" y="-10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t="-5000" b="-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组合 1"/>
          <p:cNvGrpSpPr/>
          <p:nvPr/>
        </p:nvGrpSpPr>
        <p:grpSpPr>
          <a:xfrm>
            <a:off x="316230" y="273685"/>
            <a:ext cx="1122680" cy="1024255"/>
            <a:chOff x="4023360" y="2438400"/>
            <a:chExt cx="1981200" cy="1981200"/>
          </a:xfrm>
        </p:grpSpPr>
        <p:sp>
          <p:nvSpPr>
            <p:cNvPr id="3" name="椭圆 2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4" name="文本框 3"/>
            <p:cNvSpPr txBox="1"/>
            <p:nvPr/>
          </p:nvSpPr>
          <p:spPr>
            <a:xfrm>
              <a:off x="4290060" y="2805038"/>
              <a:ext cx="1447800" cy="1247923"/>
            </a:xfrm>
            <a:prstGeom prst="rect">
              <a:avLst/>
            </a:prstGeom>
            <a:noFill/>
            <a:ln>
              <a:solidFill>
                <a:srgbClr val="595959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3</a:t>
              </a:r>
            </a:p>
          </p:txBody>
        </p:sp>
      </p:grpSp>
      <p:sp>
        <p:nvSpPr>
          <p:cNvPr id="5" name="文本框 4"/>
          <p:cNvSpPr txBox="1"/>
          <p:nvPr/>
        </p:nvSpPr>
        <p:spPr>
          <a:xfrm>
            <a:off x="1438910" y="463232"/>
            <a:ext cx="4246245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Implementation</a:t>
            </a:r>
            <a:endParaRPr kumimoji="0" lang="zh-CN" altLang="en-US" sz="3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</p:txBody>
      </p:sp>
      <p:grpSp>
        <p:nvGrpSpPr>
          <p:cNvPr id="6" name="组合 5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7" name="文本框 6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8" name="图片 7" descr="2139314_123527066460_2"/>
            <p:cNvPicPr>
              <a:picLocks noChangeAspect="1"/>
            </p:cNvPicPr>
            <p:nvPr/>
          </p:nvPicPr>
          <p:blipFill>
            <a:blip r:embed="rId3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sp>
        <p:nvSpPr>
          <p:cNvPr id="9" name="椭圆 8"/>
          <p:cNvSpPr/>
          <p:nvPr/>
        </p:nvSpPr>
        <p:spPr>
          <a:xfrm>
            <a:off x="4253767" y="6196521"/>
            <a:ext cx="83771" cy="140217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" name="文本框 9"/>
          <p:cNvSpPr txBox="1"/>
          <p:nvPr/>
        </p:nvSpPr>
        <p:spPr>
          <a:xfrm>
            <a:off x="4763867" y="6101167"/>
            <a:ext cx="4169118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Extract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&amp; </a:t>
            </a: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Load of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ata </a:t>
            </a:r>
            <a:endParaRPr kumimoji="0" lang="zh-CN" altLang="en-US" sz="16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</p:txBody>
      </p:sp>
      <p:sp>
        <p:nvSpPr>
          <p:cNvPr id="11" name="矩形 10"/>
          <p:cNvSpPr/>
          <p:nvPr/>
        </p:nvSpPr>
        <p:spPr>
          <a:xfrm>
            <a:off x="2858866" y="5682139"/>
            <a:ext cx="5206611" cy="3683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defRPr/>
            </a:pPr>
            <a:r>
              <a:rPr lang="zh-CN" altLang="en-US" b="1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Cleanse data </a:t>
            </a:r>
            <a:r>
              <a:rPr lang="en-US" altLang="zh-CN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nd</a:t>
            </a:r>
            <a:r>
              <a:rPr lang="zh-CN" altLang="en-US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 </a:t>
            </a:r>
            <a:r>
              <a:rPr lang="zh-CN" altLang="en-US" b="1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Create </a:t>
            </a:r>
            <a:r>
              <a:rPr lang="zh-CN" altLang="en-US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dexes </a:t>
            </a:r>
            <a:endParaRPr lang="zh-CN" altLang="en-US" sz="1600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2" name="椭圆 11"/>
          <p:cNvSpPr/>
          <p:nvPr/>
        </p:nvSpPr>
        <p:spPr>
          <a:xfrm>
            <a:off x="2539422" y="6131350"/>
            <a:ext cx="121716" cy="184666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3" name="文本框 12"/>
          <p:cNvSpPr txBox="1"/>
          <p:nvPr/>
        </p:nvSpPr>
        <p:spPr>
          <a:xfrm>
            <a:off x="758286" y="5054243"/>
            <a:ext cx="6770365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evelop &amp; test queries for each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visuali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z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ation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4" name="椭圆 13"/>
          <p:cNvSpPr/>
          <p:nvPr/>
        </p:nvSpPr>
        <p:spPr>
          <a:xfrm>
            <a:off x="189399" y="5148109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5" name="文本框 14"/>
          <p:cNvSpPr txBox="1"/>
          <p:nvPr/>
        </p:nvSpPr>
        <p:spPr>
          <a:xfrm>
            <a:off x="877570" y="4161802"/>
            <a:ext cx="6332122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, </a:t>
            </a:r>
            <a:r>
              <a:rPr lang="zh-CN" altLang="en-US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velop </a:t>
            </a:r>
            <a:r>
              <a:rPr lang="zh-CN" altLang="en-US" b="1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code or use software tools to visualise 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nd </a:t>
            </a:r>
            <a:r>
              <a:rPr lang="zh-CN" altLang="en-US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erform 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QA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6" name="椭圆 15"/>
          <p:cNvSpPr/>
          <p:nvPr/>
        </p:nvSpPr>
        <p:spPr>
          <a:xfrm>
            <a:off x="403944" y="4172107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7" name="椭圆 16"/>
          <p:cNvSpPr/>
          <p:nvPr/>
        </p:nvSpPr>
        <p:spPr>
          <a:xfrm>
            <a:off x="1287780" y="3292858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8" name="文本框 17"/>
          <p:cNvSpPr txBox="1"/>
          <p:nvPr/>
        </p:nvSpPr>
        <p:spPr>
          <a:xfrm>
            <a:off x="1492613" y="3473767"/>
            <a:ext cx="6036038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Peer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review 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and Prepare Initial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report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9" name="椭圆 18"/>
          <p:cNvSpPr/>
          <p:nvPr/>
        </p:nvSpPr>
        <p:spPr>
          <a:xfrm>
            <a:off x="2707013" y="2584197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0" name="文本框 19"/>
          <p:cNvSpPr txBox="1"/>
          <p:nvPr/>
        </p:nvSpPr>
        <p:spPr>
          <a:xfrm>
            <a:off x="7528652" y="1944235"/>
            <a:ext cx="4452333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liver </a:t>
            </a:r>
            <a:r>
              <a:rPr lang="en-US" altLang="zh-CN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A System 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&amp; Final Report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1" name="椭圆 20"/>
          <p:cNvSpPr/>
          <p:nvPr/>
        </p:nvSpPr>
        <p:spPr>
          <a:xfrm>
            <a:off x="4637036" y="1993340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4" name="椭圆 23"/>
          <p:cNvSpPr/>
          <p:nvPr/>
        </p:nvSpPr>
        <p:spPr>
          <a:xfrm>
            <a:off x="7209692" y="1664321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5" name="文本框 24"/>
          <p:cNvSpPr txBox="1"/>
          <p:nvPr/>
        </p:nvSpPr>
        <p:spPr>
          <a:xfrm>
            <a:off x="4661550" y="2342825"/>
            <a:ext cx="4494173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zh-CN" altLang="en-US" b="1" dirty="0" smtClean="0">
                <a:solidFill>
                  <a:schemeClr val="accent3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Evaluate visualisation </a:t>
            </a:r>
            <a:r>
              <a:rPr lang="en-US" altLang="zh-CN" b="1" dirty="0" smtClean="0">
                <a:solidFill>
                  <a:schemeClr val="accent3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&amp; </a:t>
            </a:r>
            <a:r>
              <a:rPr lang="en-US" altLang="zh-CN" b="1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resentation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6" name="文本框 25"/>
          <p:cNvSpPr txBox="1"/>
          <p:nvPr/>
        </p:nvSpPr>
        <p:spPr>
          <a:xfrm>
            <a:off x="2770429" y="2868421"/>
            <a:ext cx="6036038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Build &amp; Integrate visualisation system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 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23695" y="513080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Evaluation</a:t>
            </a:r>
          </a:p>
        </p:txBody>
      </p:sp>
      <p:grpSp>
        <p:nvGrpSpPr>
          <p:cNvPr id="3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4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5" name="组合 10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2" name="文本框 11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3" name="图片 12" descr="2139314_123527066460_2"/>
            <p:cNvPicPr>
              <a:picLocks noChangeAspect="1"/>
            </p:cNvPicPr>
            <p:nvPr/>
          </p:nvPicPr>
          <p:blipFill>
            <a:blip r:embed="rId2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graphicFrame>
        <p:nvGraphicFramePr>
          <p:cNvPr id="14" name="Table 13"/>
          <p:cNvGraphicFramePr>
            <a:graphicFrameLocks noGrp="1"/>
          </p:cNvGraphicFramePr>
          <p:nvPr/>
        </p:nvGraphicFramePr>
        <p:xfrm>
          <a:off x="1169035" y="1543050"/>
          <a:ext cx="10783570" cy="447070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29330"/>
                <a:gridCol w="3390265"/>
                <a:gridCol w="3863975"/>
              </a:tblGrid>
              <a:tr h="656590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Data/ Visualisation</a:t>
                      </a:r>
                      <a:endParaRPr lang="en-AU" altLang="en-US" sz="1600" kern="100" dirty="0" smtClean="0">
                        <a:solidFill>
                          <a:schemeClr val="bg1"/>
                        </a:solidFill>
                        <a:effectLst/>
                        <a:latin typeface="Arial Black" panose="020B0A040201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600" dirty="0">
                        <a:latin typeface="Arial Black" panose="020B0A04020102020204" pitchFamily="34" charset="0"/>
                      </a:endParaRPr>
                    </a:p>
                  </a:txBody>
                  <a:tcPr marT="252095" anchor="ctr" anchorCtr="1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5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Task(s)</a:t>
                      </a:r>
                      <a:endParaRPr lang="en-AU" altLang="en-US" sz="1600" kern="100" dirty="0" smtClean="0">
                        <a:solidFill>
                          <a:schemeClr val="bg1"/>
                        </a:solidFill>
                        <a:effectLst/>
                        <a:latin typeface="Arial Black" panose="020B0A040201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600" dirty="0">
                        <a:latin typeface="Arial Black" panose="020B0A04020102020204" pitchFamily="34" charset="0"/>
                      </a:endParaRPr>
                    </a:p>
                  </a:txBody>
                  <a:tcPr marT="252095" anchor="ctr" anchorCtr="1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5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Evaluation</a:t>
                      </a:r>
                      <a:r>
                        <a:rPr lang="en-US" alt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n </a:t>
                      </a:r>
                      <a:r>
                        <a:rPr 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framework/ Methods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AU" sz="1600" kern="100" dirty="0" smtClean="0">
                        <a:solidFill>
                          <a:schemeClr val="bg1"/>
                        </a:solidFill>
                        <a:effectLst/>
                        <a:latin typeface="Arial Black" panose="020B0A04020102020204" pitchFamily="34" charset="0"/>
                        <a:cs typeface="Arial" panose="020B0604020202020204" pitchFamily="34" charset="0"/>
                      </a:endParaRPr>
                    </a:p>
                  </a:txBody>
                  <a:tcPr marT="252095" anchor="ctr" anchorCtr="1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5">
                        <a:lumMod val="50000"/>
                      </a:schemeClr>
                    </a:solidFill>
                  </a:tcPr>
                </a:tc>
              </a:tr>
              <a:tr h="86804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rimary Interactive </a:t>
                      </a: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  <a:sym typeface="+mn-ea"/>
                        </a:rPr>
                        <a:t>Flight Network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y critical routes </a:t>
                      </a:r>
                      <a:endParaRPr lang="en-AU" altLang="en-US" sz="1400" kern="100" dirty="0" smtClean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l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y critical airports/nodes</a:t>
                      </a:r>
                      <a:endParaRPr lang="en-AU" altLang="en-US" sz="1400" kern="100" dirty="0" smtClean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l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ummary of overall network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urvey</a:t>
                      </a:r>
                      <a:r>
                        <a:rPr lang="en-US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(Questionnaire, Focused group)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  <a:tr h="679974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easonal Effects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</a:t>
                      </a:r>
                      <a:r>
                        <a:rPr lang="en-US" altLang="zh-CN" sz="1600" kern="100" baseline="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month(s) for travel</a:t>
                      </a:r>
                    </a:p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baseline="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month(s) to avoid for travel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nalytic</a:t>
                      </a:r>
                      <a:r>
                        <a:rPr lang="en-US" sz="1600" b="1" kern="100" baseline="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nspection</a:t>
                      </a:r>
                      <a:r>
                        <a:rPr lang="en-US" sz="12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(Cognitive walkthroughs)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  <a:tr h="679974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irline Performance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Best Airline</a:t>
                      </a:r>
                    </a:p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Worst Airline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mpirical evaluation </a:t>
                      </a:r>
                      <a:r>
                        <a:rPr lang="en-US" altLang="zh-CN" sz="1400" b="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(</a:t>
                      </a:r>
                      <a:r>
                        <a:rPr lang="en-US" altLang="zh-CN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tatistical analysis)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  <a:tr h="679974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irport Performance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best Airport</a:t>
                      </a:r>
                    </a:p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Worst Airport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mpirical evaluation </a:t>
                      </a:r>
                      <a:r>
                        <a:rPr lang="en-US" altLang="zh-CN" sz="1400" b="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(</a:t>
                      </a:r>
                      <a:r>
                        <a:rPr lang="en-US" altLang="zh-CN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tatistical analysis)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  <a:tr h="679974"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  <a:sym typeface="+mn-ea"/>
                        </a:rPr>
                        <a:t>Statistical Analysis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main reasons for flight delay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mpirical evaluation </a:t>
                      </a:r>
                      <a:r>
                        <a:rPr lang="en-US" altLang="zh-CN" sz="1400" b="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(</a:t>
                      </a:r>
                      <a:r>
                        <a:rPr lang="en-US" altLang="zh-CN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tatistical analysis)</a:t>
                      </a:r>
                    </a:p>
                  </a:txBody>
                  <a:tcPr anchor="ctr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文本框 35"/>
          <p:cNvSpPr txBox="1"/>
          <p:nvPr/>
        </p:nvSpPr>
        <p:spPr>
          <a:xfrm>
            <a:off x="1649730" y="359410"/>
            <a:ext cx="2346325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</a:t>
            </a:r>
            <a:r>
              <a:rPr lang="en-US" altLang="zh-CN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rogress</a:t>
            </a:r>
            <a:endParaRPr kumimoji="0" lang="en-US" altLang="zh-CN" sz="3600" b="1" i="0" kern="1200" cap="none" spc="0" normalizeH="0" baseline="0" noProof="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cs typeface="+mn-cs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16230" y="273685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5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27" name="组合 26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28" name="文本框 27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29" name="图片 28" descr="2139314_123527066460_2"/>
            <p:cNvPicPr>
              <a:picLocks noChangeAspect="1"/>
            </p:cNvPicPr>
            <p:nvPr/>
          </p:nvPicPr>
          <p:blipFill>
            <a:blip r:embed="rId80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cxnSp>
        <p:nvCxnSpPr>
          <p:cNvPr id="30" name="OTLSHAPE_T_948fd1511b624908b46912904d3a38ba_RightVerticalConnector1"/>
          <p:cNvCxnSpPr/>
          <p:nvPr>
            <p:custDataLst>
              <p:tags r:id="rId1"/>
            </p:custDataLst>
          </p:nvPr>
        </p:nvCxnSpPr>
        <p:spPr>
          <a:xfrm rot="16200000" flipV="1">
            <a:off x="9558153" y="4524140"/>
            <a:ext cx="3384896" cy="21914"/>
          </a:xfrm>
          <a:prstGeom prst="line">
            <a:avLst/>
          </a:prstGeom>
          <a:ln w="1587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948fd1511b624908b46912904d3a38ba_LeftVerticalConnector5"/>
          <p:cNvCxnSpPr/>
          <p:nvPr>
            <p:custDataLst>
              <p:tags r:id="rId2"/>
            </p:custDataLst>
          </p:nvPr>
        </p:nvCxnSpPr>
        <p:spPr>
          <a:xfrm>
            <a:off x="8939695" y="5960498"/>
            <a:ext cx="0" cy="28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948fd1511b624908b46912904d3a38ba_LeftVerticalConnector4"/>
          <p:cNvCxnSpPr/>
          <p:nvPr>
            <p:custDataLst>
              <p:tags r:id="rId3"/>
            </p:custDataLst>
          </p:nvPr>
        </p:nvCxnSpPr>
        <p:spPr>
          <a:xfrm>
            <a:off x="8939695" y="5545335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48fd1511b624908b46912904d3a38ba_LeftVerticalConnector1"/>
          <p:cNvCxnSpPr/>
          <p:nvPr>
            <p:custDataLst>
              <p:tags r:id="rId4"/>
            </p:custDataLst>
          </p:nvPr>
        </p:nvCxnSpPr>
        <p:spPr>
          <a:xfrm>
            <a:off x="8939695" y="2890775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eba8ee2a1844408c91d25cc40be5eeb2_RightVerticalConnector1"/>
          <p:cNvCxnSpPr>
            <a:endCxn id="202" idx="0"/>
          </p:cNvCxnSpPr>
          <p:nvPr>
            <p:custDataLst>
              <p:tags r:id="rId5"/>
            </p:custDataLst>
          </p:nvPr>
        </p:nvCxnSpPr>
        <p:spPr>
          <a:xfrm rot="5400000">
            <a:off x="6686732" y="4452898"/>
            <a:ext cx="3149077" cy="24838"/>
          </a:xfrm>
          <a:prstGeom prst="line">
            <a:avLst/>
          </a:prstGeom>
          <a:ln w="1587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eba8ee2a1844408c91d25cc40be5eeb2_LeftVerticalConnector2"/>
          <p:cNvCxnSpPr>
            <a:endCxn id="143" idx="0"/>
          </p:cNvCxnSpPr>
          <p:nvPr>
            <p:custDataLst>
              <p:tags r:id="rId6"/>
            </p:custDataLst>
          </p:nvPr>
        </p:nvCxnSpPr>
        <p:spPr>
          <a:xfrm rot="16200000" flipH="1">
            <a:off x="5222747" y="4248553"/>
            <a:ext cx="2980178" cy="11203"/>
          </a:xfrm>
          <a:prstGeom prst="line">
            <a:avLst/>
          </a:prstGeom>
          <a:ln w="1587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f3c770d8a6a24238a57b373ef9984550_LeftVerticalConnector1"/>
          <p:cNvCxnSpPr>
            <a:stCxn id="150" idx="0"/>
          </p:cNvCxnSpPr>
          <p:nvPr>
            <p:custDataLst>
              <p:tags r:id="rId7"/>
            </p:custDataLst>
          </p:nvPr>
        </p:nvCxnSpPr>
        <p:spPr>
          <a:xfrm flipH="1" flipV="1">
            <a:off x="1515110" y="2806700"/>
            <a:ext cx="11430" cy="695325"/>
          </a:xfrm>
          <a:prstGeom prst="line">
            <a:avLst/>
          </a:prstGeom>
          <a:ln w="222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6e3d36ba8f5f423faa7a0a57470ce910_Connector1"/>
          <p:cNvCxnSpPr/>
          <p:nvPr>
            <p:custDataLst>
              <p:tags r:id="rId8"/>
            </p:custDataLst>
          </p:nvPr>
        </p:nvCxnSpPr>
        <p:spPr>
          <a:xfrm>
            <a:off x="8299168" y="2954676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df949dad64a44818984bde0d0c8fd3af_Connector1"/>
          <p:cNvCxnSpPr/>
          <p:nvPr>
            <p:custDataLst>
              <p:tags r:id="rId9"/>
            </p:custDataLst>
          </p:nvPr>
        </p:nvCxnSpPr>
        <p:spPr>
          <a:xfrm>
            <a:off x="3648812" y="2916175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0a1ef519557c45f4942d0867047bbb8e_Connector1"/>
          <p:cNvCxnSpPr>
            <a:stCxn id="121" idx="0"/>
            <a:endCxn id="86" idx="0"/>
          </p:cNvCxnSpPr>
          <p:nvPr>
            <p:custDataLst>
              <p:tags r:id="rId10"/>
            </p:custDataLst>
          </p:nvPr>
        </p:nvCxnSpPr>
        <p:spPr>
          <a:xfrm>
            <a:off x="11351405" y="1691887"/>
            <a:ext cx="8890" cy="937895"/>
          </a:xfrm>
          <a:prstGeom prst="line">
            <a:avLst/>
          </a:prstGeom>
          <a:ln w="222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213757f954204f9ca66f8bfc70d9e7b9_Connector1"/>
          <p:cNvCxnSpPr/>
          <p:nvPr>
            <p:custDataLst>
              <p:tags r:id="rId11"/>
            </p:custDataLst>
          </p:nvPr>
        </p:nvCxnSpPr>
        <p:spPr>
          <a:xfrm rot="16200000" flipH="1">
            <a:off x="6549938" y="2276428"/>
            <a:ext cx="338342" cy="1351"/>
          </a:xfrm>
          <a:prstGeom prst="line">
            <a:avLst/>
          </a:prstGeom>
          <a:ln w="19050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d5a61cb9fb68417288c9ebbc4eaced10_Connector1"/>
          <p:cNvCxnSpPr/>
          <p:nvPr>
            <p:custDataLst>
              <p:tags r:id="rId12"/>
            </p:custDataLst>
          </p:nvPr>
        </p:nvCxnSpPr>
        <p:spPr>
          <a:xfrm rot="5400000">
            <a:off x="2721870" y="2984742"/>
            <a:ext cx="1852211" cy="19250"/>
          </a:xfrm>
          <a:prstGeom prst="line">
            <a:avLst/>
          </a:prstGeom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TB_00000000000000000000000000000000_LeftEndCaps"/>
          <p:cNvSpPr txBox="1"/>
          <p:nvPr>
            <p:custDataLst>
              <p:tags r:id="rId13"/>
            </p:custDataLst>
          </p:nvPr>
        </p:nvSpPr>
        <p:spPr>
          <a:xfrm>
            <a:off x="115811" y="2584095"/>
            <a:ext cx="673735" cy="2457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8" dirty="0" smtClean="0">
                <a:solidFill>
                  <a:srgbClr val="FF4500"/>
                </a:solidFill>
                <a:latin typeface="Calibri" panose="020F0502020204030204" pitchFamily="34" charset="0"/>
              </a:rPr>
              <a:t>09/2017</a:t>
            </a:r>
          </a:p>
        </p:txBody>
      </p:sp>
      <p:sp>
        <p:nvSpPr>
          <p:cNvPr id="85" name="OTLSHAPE_TB_00000000000000000000000000000000_RightEndCaps"/>
          <p:cNvSpPr txBox="1"/>
          <p:nvPr>
            <p:custDataLst>
              <p:tags r:id="rId14"/>
            </p:custDataLst>
          </p:nvPr>
        </p:nvSpPr>
        <p:spPr>
          <a:xfrm>
            <a:off x="11407533" y="2526344"/>
            <a:ext cx="673735" cy="2457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8" dirty="0" smtClean="0">
                <a:solidFill>
                  <a:srgbClr val="FF4500"/>
                </a:solidFill>
                <a:latin typeface="Calibri" panose="020F0502020204030204" pitchFamily="34" charset="0"/>
              </a:rPr>
              <a:t>11/2017</a:t>
            </a:r>
          </a:p>
        </p:txBody>
      </p:sp>
      <p:sp>
        <p:nvSpPr>
          <p:cNvPr id="86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243929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073065" y="2606845"/>
            <a:ext cx="256032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5 Sep-21 Sep	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88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291135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460513" y="2606845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2 Sep- 28 Sep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0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3633221" y="259252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908478" y="2616471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9 Sep-05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2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5158188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5423818" y="2606845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06 Oct-12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4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6706498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6991380" y="2608446"/>
            <a:ext cx="256032" cy="1852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3 Oct-19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6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8286452" y="257327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8465456" y="2587594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 Oct-26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8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9667038" y="258290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10000035" y="2606846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7 Oct-02 Nov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4" name="OTLSHAPE_M_1f203f9e9d6e48e48b859edb0ea422a7_Title"/>
          <p:cNvSpPr txBox="1"/>
          <p:nvPr>
            <p:custDataLst>
              <p:tags r:id="rId29"/>
            </p:custDataLst>
          </p:nvPr>
        </p:nvSpPr>
        <p:spPr>
          <a:xfrm>
            <a:off x="537210" y="1643063"/>
            <a:ext cx="79184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105" name="OTLSHAPE_M_1f203f9e9d6e48e48b859edb0ea422a7_Date"/>
          <p:cNvSpPr txBox="1"/>
          <p:nvPr>
            <p:custDataLst>
              <p:tags r:id="rId30"/>
            </p:custDataLst>
          </p:nvPr>
        </p:nvSpPr>
        <p:spPr>
          <a:xfrm>
            <a:off x="543560" y="1858328"/>
            <a:ext cx="837565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5/Sep/17</a:t>
            </a:r>
            <a:endParaRPr lang="en-US" sz="1200" b="1" spc="-10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06" name="OTLSHAPE_M_1f203f9e9d6e48e48b859edb0ea422a7_Shape"/>
          <p:cNvSpPr/>
          <p:nvPr>
            <p:custDataLst>
              <p:tags r:id="rId31"/>
            </p:custDataLst>
          </p:nvPr>
        </p:nvSpPr>
        <p:spPr>
          <a:xfrm>
            <a:off x="838290" y="2156849"/>
            <a:ext cx="304800" cy="330200"/>
          </a:xfrm>
          <a:prstGeom prst="downArrow">
            <a:avLst/>
          </a:prstGeom>
          <a:solidFill>
            <a:srgbClr val="00ADE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808492e7fcfe49709015401b74fad24c_Title"/>
          <p:cNvSpPr txBox="1"/>
          <p:nvPr>
            <p:custDataLst>
              <p:tags r:id="rId32"/>
            </p:custDataLst>
          </p:nvPr>
        </p:nvSpPr>
        <p:spPr>
          <a:xfrm>
            <a:off x="3239135" y="1428115"/>
            <a:ext cx="854075" cy="4305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</a:p>
          <a:p>
            <a:pPr algn="ctr"/>
            <a:r>
              <a:rPr lang="en-US" sz="14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Report 1</a:t>
            </a:r>
          </a:p>
        </p:txBody>
      </p:sp>
      <p:sp>
        <p:nvSpPr>
          <p:cNvPr id="111" name="OTLSHAPE_M_808492e7fcfe49709015401b74fad24c_Date"/>
          <p:cNvSpPr txBox="1"/>
          <p:nvPr>
            <p:custDataLst>
              <p:tags r:id="rId33"/>
            </p:custDataLst>
          </p:nvPr>
        </p:nvSpPr>
        <p:spPr>
          <a:xfrm>
            <a:off x="3256280" y="1858328"/>
            <a:ext cx="819785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28/Sep/17</a:t>
            </a:r>
            <a:endParaRPr lang="en-US" sz="1200" b="1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12" name="OTLSHAPE_M_808492e7fcfe49709015401b74fad24c_Shape"/>
          <p:cNvSpPr/>
          <p:nvPr>
            <p:custDataLst>
              <p:tags r:id="rId34"/>
            </p:custDataLst>
          </p:nvPr>
        </p:nvSpPr>
        <p:spPr>
          <a:xfrm>
            <a:off x="3533860" y="223331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ADE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M_213757f954204f9ca66f8bfc70d9e7b9_Title"/>
          <p:cNvSpPr txBox="1"/>
          <p:nvPr>
            <p:custDataLst>
              <p:tags r:id="rId35"/>
            </p:custDataLst>
          </p:nvPr>
        </p:nvSpPr>
        <p:spPr>
          <a:xfrm>
            <a:off x="6273800" y="1682433"/>
            <a:ext cx="95694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</a:p>
        </p:txBody>
      </p:sp>
      <p:sp>
        <p:nvSpPr>
          <p:cNvPr id="114" name="OTLSHAPE_M_213757f954204f9ca66f8bfc70d9e7b9_Date"/>
          <p:cNvSpPr txBox="1"/>
          <p:nvPr>
            <p:custDataLst>
              <p:tags r:id="rId36"/>
            </p:custDataLst>
          </p:nvPr>
        </p:nvSpPr>
        <p:spPr>
          <a:xfrm>
            <a:off x="6325235" y="1939925"/>
            <a:ext cx="820420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2/Oct/17</a:t>
            </a:r>
          </a:p>
        </p:txBody>
      </p:sp>
      <p:sp>
        <p:nvSpPr>
          <p:cNvPr id="115" name="OTLSHAPE_M_213757f954204f9ca66f8bfc70d9e7b9_Shape"/>
          <p:cNvSpPr/>
          <p:nvPr>
            <p:custDataLst>
              <p:tags r:id="rId37"/>
            </p:custDataLst>
          </p:nvPr>
        </p:nvSpPr>
        <p:spPr>
          <a:xfrm>
            <a:off x="6604850" y="2233417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ADE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M_07b352c881f44a758dc5dd5d40c1f3c2_Shape"/>
          <p:cNvSpPr/>
          <p:nvPr>
            <p:custDataLst>
              <p:tags r:id="rId38"/>
            </p:custDataLst>
          </p:nvPr>
        </p:nvSpPr>
        <p:spPr>
          <a:xfrm>
            <a:off x="6614974" y="2819789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M_0a1ef519557c45f4942d0867047bbb8e_Title"/>
          <p:cNvSpPr txBox="1"/>
          <p:nvPr>
            <p:custDataLst>
              <p:tags r:id="rId39"/>
            </p:custDataLst>
          </p:nvPr>
        </p:nvSpPr>
        <p:spPr>
          <a:xfrm>
            <a:off x="11001675" y="709030"/>
            <a:ext cx="943275" cy="6457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Release VA system &amp; Final Report</a:t>
            </a:r>
          </a:p>
        </p:txBody>
      </p:sp>
      <p:sp>
        <p:nvSpPr>
          <p:cNvPr id="121" name="OTLSHAPE_M_0a1ef519557c45f4942d0867047bbb8e_Shape"/>
          <p:cNvSpPr/>
          <p:nvPr>
            <p:custDataLst>
              <p:tags r:id="rId40"/>
            </p:custDataLst>
          </p:nvPr>
        </p:nvSpPr>
        <p:spPr>
          <a:xfrm rot="16200000">
            <a:off x="11351405" y="1577588"/>
            <a:ext cx="228600" cy="228600"/>
          </a:xfrm>
          <a:prstGeom prst="flowChartMerge">
            <a:avLst/>
          </a:prstGeom>
          <a:gradFill>
            <a:gsLst>
              <a:gs pos="0">
                <a:srgbClr val="14CD68"/>
              </a:gs>
              <a:gs pos="100000">
                <a:srgbClr val="0B6E38"/>
              </a:gs>
            </a:gsLst>
            <a:lin ang="5400000" scaled="0"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M_df949dad64a44818984bde0d0c8fd3af_Date"/>
          <p:cNvSpPr txBox="1"/>
          <p:nvPr>
            <p:custDataLst>
              <p:tags r:id="rId41"/>
            </p:custDataLst>
          </p:nvPr>
        </p:nvSpPr>
        <p:spPr>
          <a:xfrm>
            <a:off x="3238936" y="3087617"/>
            <a:ext cx="853003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esign Completed</a:t>
            </a:r>
          </a:p>
        </p:txBody>
      </p:sp>
      <p:sp>
        <p:nvSpPr>
          <p:cNvPr id="124" name="OTLSHAPE_M_df949dad64a44818984bde0d0c8fd3af_Shape"/>
          <p:cNvSpPr/>
          <p:nvPr>
            <p:custDataLst>
              <p:tags r:id="rId42"/>
            </p:custDataLst>
          </p:nvPr>
        </p:nvSpPr>
        <p:spPr>
          <a:xfrm>
            <a:off x="3572612" y="2827275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M_6e3d36ba8f5f423faa7a0a57470ce910_Shape"/>
          <p:cNvSpPr/>
          <p:nvPr>
            <p:custDataLst>
              <p:tags r:id="rId43"/>
            </p:custDataLst>
          </p:nvPr>
        </p:nvSpPr>
        <p:spPr>
          <a:xfrm>
            <a:off x="8203718" y="2875401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f3c770d8a6a24238a57b373ef9984550_Shape"/>
          <p:cNvSpPr/>
          <p:nvPr>
            <p:custDataLst>
              <p:tags r:id="rId44"/>
            </p:custDataLst>
          </p:nvPr>
        </p:nvSpPr>
        <p:spPr>
          <a:xfrm>
            <a:off x="1381125" y="3773170"/>
            <a:ext cx="2189480" cy="25019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T_f3c770d8a6a24238a57b373ef9984550_ShapePercentage"/>
          <p:cNvSpPr/>
          <p:nvPr>
            <p:custDataLst>
              <p:tags r:id="rId45"/>
            </p:custDataLst>
          </p:nvPr>
        </p:nvSpPr>
        <p:spPr>
          <a:xfrm>
            <a:off x="1342390" y="3765550"/>
            <a:ext cx="2191385" cy="25781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f3c770d8a6a24238a57b373ef9984550_Title"/>
          <p:cNvSpPr txBox="1"/>
          <p:nvPr>
            <p:custDataLst>
              <p:tags r:id="rId46"/>
            </p:custDataLst>
          </p:nvPr>
        </p:nvSpPr>
        <p:spPr>
          <a:xfrm>
            <a:off x="315595" y="3817303"/>
            <a:ext cx="894715" cy="4305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VA Design</a:t>
            </a:r>
          </a:p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&amp; Report 1</a:t>
            </a:r>
          </a:p>
        </p:txBody>
      </p:sp>
      <p:sp>
        <p:nvSpPr>
          <p:cNvPr id="136" name="OTLSHAPE_T_f3c770d8a6a24238a57b373ef9984550_TextPercentage"/>
          <p:cNvSpPr txBox="1"/>
          <p:nvPr>
            <p:custDataLst>
              <p:tags r:id="rId47"/>
            </p:custDataLst>
          </p:nvPr>
        </p:nvSpPr>
        <p:spPr>
          <a:xfrm>
            <a:off x="2141220" y="3790950"/>
            <a:ext cx="57721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lt1"/>
                </a:solidFill>
                <a:latin typeface="Arial Black" panose="020B0A04020102020204" pitchFamily="34" charset="0"/>
              </a:rPr>
              <a:t>100%</a:t>
            </a:r>
          </a:p>
        </p:txBody>
      </p:sp>
      <p:grpSp>
        <p:nvGrpSpPr>
          <p:cNvPr id="4" name="组合 3"/>
          <p:cNvGrpSpPr/>
          <p:nvPr/>
        </p:nvGrpSpPr>
        <p:grpSpPr>
          <a:xfrm>
            <a:off x="2834640" y="4142105"/>
            <a:ext cx="3857625" cy="262890"/>
            <a:chOff x="4464" y="6485"/>
            <a:chExt cx="6075" cy="414"/>
          </a:xfrm>
        </p:grpSpPr>
        <p:sp>
          <p:nvSpPr>
            <p:cNvPr id="137" name="OTLSHAPE_T_c3d685d5ae854fb185925e527e534f28_Shape"/>
            <p:cNvSpPr/>
            <p:nvPr>
              <p:custDataLst>
                <p:tags r:id="rId77"/>
              </p:custDataLst>
            </p:nvPr>
          </p:nvSpPr>
          <p:spPr>
            <a:xfrm>
              <a:off x="4583" y="6501"/>
              <a:ext cx="5957" cy="398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E0E0E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8" name="OTLSHAPE_T_c3d685d5ae854fb185925e527e534f28_ShapePercentage"/>
            <p:cNvSpPr/>
            <p:nvPr>
              <p:custDataLst>
                <p:tags r:id="rId78"/>
              </p:custDataLst>
            </p:nvPr>
          </p:nvSpPr>
          <p:spPr>
            <a:xfrm>
              <a:off x="4464" y="6485"/>
              <a:ext cx="5790" cy="414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     Flight Network                   </a:t>
              </a:r>
              <a:r>
                <a:rPr lang="en-US" sz="14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</a:t>
              </a:r>
              <a:r>
                <a:rPr lang="en-US" sz="14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 95%    </a:t>
              </a:r>
              <a:r>
                <a:rPr lang="en-US" sz="12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  </a:t>
              </a:r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</a:t>
              </a:r>
            </a:p>
          </p:txBody>
        </p:sp>
      </p:grpSp>
      <p:sp>
        <p:nvSpPr>
          <p:cNvPr id="139" name="OTLSHAPE_T_c3d685d5ae854fb185925e527e534f28_Title"/>
          <p:cNvSpPr txBox="1"/>
          <p:nvPr>
            <p:custDataLst>
              <p:tags r:id="rId48"/>
            </p:custDataLst>
          </p:nvPr>
        </p:nvSpPr>
        <p:spPr>
          <a:xfrm>
            <a:off x="163830" y="4770438"/>
            <a:ext cx="2194560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10" dirty="0" smtClean="0">
                <a:solidFill>
                  <a:srgbClr val="282823"/>
                </a:solidFill>
                <a:latin typeface="Calibri" panose="020F0502020204030204" pitchFamily="34" charset="0"/>
              </a:rPr>
              <a:t>Development &amp; Unit Testing</a:t>
            </a:r>
          </a:p>
        </p:txBody>
      </p:sp>
      <p:sp>
        <p:nvSpPr>
          <p:cNvPr id="143" name="OTLSHAPE_T_5d637a4d89a647e7b3d547461c00dc98_Shape"/>
          <p:cNvSpPr/>
          <p:nvPr>
            <p:custDataLst>
              <p:tags r:id="rId49"/>
            </p:custDataLst>
          </p:nvPr>
        </p:nvSpPr>
        <p:spPr>
          <a:xfrm>
            <a:off x="4093525" y="5636327"/>
            <a:ext cx="2624913" cy="21583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T_5d637a4d89a647e7b3d547461c00dc98_ShapePercentage"/>
          <p:cNvSpPr/>
          <p:nvPr>
            <p:custDataLst>
              <p:tags r:id="rId50"/>
            </p:custDataLst>
          </p:nvPr>
        </p:nvSpPr>
        <p:spPr>
          <a:xfrm>
            <a:off x="4052237" y="5636328"/>
            <a:ext cx="2541064" cy="21583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tx1">
              <a:lumMod val="95000"/>
              <a:lumOff val="5000"/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>
                <a:latin typeface="Arial Black" panose="020B0A04020102020204" pitchFamily="34" charset="0"/>
              </a:rPr>
              <a:t>95%</a:t>
            </a:r>
          </a:p>
        </p:txBody>
      </p:sp>
      <p:sp>
        <p:nvSpPr>
          <p:cNvPr id="145" name="OTLSHAPE_T_5d637a4d89a647e7b3d547461c00dc98_Title"/>
          <p:cNvSpPr txBox="1"/>
          <p:nvPr>
            <p:custDataLst>
              <p:tags r:id="rId51"/>
            </p:custDataLst>
          </p:nvPr>
        </p:nvSpPr>
        <p:spPr>
          <a:xfrm>
            <a:off x="148590" y="5660073"/>
            <a:ext cx="375983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Integration Of VA System &amp; Presentation PPT</a:t>
            </a:r>
          </a:p>
        </p:txBody>
      </p:sp>
      <p:sp>
        <p:nvSpPr>
          <p:cNvPr id="149" name="OTLSHAPE_T_ddc36248860c45f587292ea75ed0d69f_Shape"/>
          <p:cNvSpPr/>
          <p:nvPr>
            <p:custDataLst>
              <p:tags r:id="rId52"/>
            </p:custDataLst>
          </p:nvPr>
        </p:nvSpPr>
        <p:spPr>
          <a:xfrm>
            <a:off x="831850" y="3373120"/>
            <a:ext cx="749300" cy="24447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ddc36248860c45f587292ea75ed0d69f_ShapePercentage"/>
          <p:cNvSpPr/>
          <p:nvPr>
            <p:custDataLst>
              <p:tags r:id="rId53"/>
            </p:custDataLst>
          </p:nvPr>
        </p:nvSpPr>
        <p:spPr>
          <a:xfrm>
            <a:off x="789305" y="3373120"/>
            <a:ext cx="737235" cy="25781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ddc36248860c45f587292ea75ed0d69f_TextPercentage"/>
          <p:cNvSpPr txBox="1"/>
          <p:nvPr>
            <p:custDataLst>
              <p:tags r:id="rId54"/>
            </p:custDataLst>
          </p:nvPr>
        </p:nvSpPr>
        <p:spPr>
          <a:xfrm>
            <a:off x="982472" y="361847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eba8ee2a1844408c91d25cc40be5eeb2_TextPercentage"/>
          <p:cNvSpPr txBox="1"/>
          <p:nvPr>
            <p:custDataLst>
              <p:tags r:id="rId55"/>
            </p:custDataLst>
          </p:nvPr>
        </p:nvSpPr>
        <p:spPr>
          <a:xfrm>
            <a:off x="6780758" y="6023405"/>
            <a:ext cx="36493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948fd1511b624908b46912904d3a38ba_Shape"/>
          <p:cNvSpPr/>
          <p:nvPr>
            <p:custDataLst>
              <p:tags r:id="rId56"/>
            </p:custDataLst>
          </p:nvPr>
        </p:nvSpPr>
        <p:spPr>
          <a:xfrm>
            <a:off x="8448706" y="6150546"/>
            <a:ext cx="2812751" cy="211756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0E0E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400" b="1">
                <a:solidFill>
                  <a:schemeClr val="tx2">
                    <a:lumMod val="50000"/>
                  </a:schemeClr>
                </a:solidFill>
                <a:latin typeface="Arial Black" panose="020B0A04020102020204" pitchFamily="34" charset="0"/>
              </a:rPr>
              <a:t>0%</a:t>
            </a:r>
          </a:p>
        </p:txBody>
      </p:sp>
      <p:sp>
        <p:nvSpPr>
          <p:cNvPr id="166" name="OTLSHAPE_T_948fd1511b624908b46912904d3a38ba_Title"/>
          <p:cNvSpPr txBox="1"/>
          <p:nvPr>
            <p:custDataLst>
              <p:tags r:id="rId57"/>
            </p:custDataLst>
          </p:nvPr>
        </p:nvSpPr>
        <p:spPr>
          <a:xfrm>
            <a:off x="5645785" y="6220778"/>
            <a:ext cx="267017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Documentation Final Report </a:t>
            </a:r>
          </a:p>
        </p:txBody>
      </p:sp>
      <p:sp>
        <p:nvSpPr>
          <p:cNvPr id="176" name="OTLSHAPE_T_ddc36248860c45f587292ea75ed0d69f_TextPercentage"/>
          <p:cNvSpPr txBox="1"/>
          <p:nvPr>
            <p:custDataLst>
              <p:tags r:id="rId58"/>
            </p:custDataLst>
          </p:nvPr>
        </p:nvSpPr>
        <p:spPr>
          <a:xfrm>
            <a:off x="914400" y="3387408"/>
            <a:ext cx="594360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lt1"/>
                </a:solidFill>
                <a:latin typeface="Arial Black" panose="020B0A04020102020204" pitchFamily="34" charset="0"/>
              </a:rPr>
              <a:t>100%</a:t>
            </a:r>
          </a:p>
        </p:txBody>
      </p:sp>
      <p:sp>
        <p:nvSpPr>
          <p:cNvPr id="183" name="OTLSHAPE_M_df949dad64a44818984bde0d0c8fd3af_Date"/>
          <p:cNvSpPr txBox="1"/>
          <p:nvPr>
            <p:custDataLst>
              <p:tags r:id="rId59"/>
            </p:custDataLst>
          </p:nvPr>
        </p:nvSpPr>
        <p:spPr>
          <a:xfrm>
            <a:off x="1060820" y="2896550"/>
            <a:ext cx="853003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ata Set Selection </a:t>
            </a:r>
          </a:p>
        </p:txBody>
      </p:sp>
      <p:grpSp>
        <p:nvGrpSpPr>
          <p:cNvPr id="5" name="组合 4"/>
          <p:cNvGrpSpPr/>
          <p:nvPr/>
        </p:nvGrpSpPr>
        <p:grpSpPr>
          <a:xfrm>
            <a:off x="2834640" y="4444365"/>
            <a:ext cx="3851910" cy="234950"/>
            <a:chOff x="4464" y="6980"/>
            <a:chExt cx="6066" cy="370"/>
          </a:xfrm>
        </p:grpSpPr>
        <p:sp>
          <p:nvSpPr>
            <p:cNvPr id="184" name="OTLSHAPE_T_c3d685d5ae854fb185925e527e534f28_Shape"/>
            <p:cNvSpPr/>
            <p:nvPr>
              <p:custDataLst>
                <p:tags r:id="rId75"/>
              </p:custDataLst>
            </p:nvPr>
          </p:nvSpPr>
          <p:spPr>
            <a:xfrm>
              <a:off x="4464" y="6980"/>
              <a:ext cx="6067" cy="371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E0E0E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5" name="OTLSHAPE_T_c3d685d5ae854fb185925e527e534f28_ShapePercentage"/>
            <p:cNvSpPr/>
            <p:nvPr>
              <p:custDataLst>
                <p:tags r:id="rId76"/>
              </p:custDataLst>
            </p:nvPr>
          </p:nvSpPr>
          <p:spPr>
            <a:xfrm>
              <a:off x="4464" y="6980"/>
              <a:ext cx="5763" cy="370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        </a:t>
              </a:r>
              <a:r>
                <a:rPr lang="en-US" sz="10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</a:t>
              </a:r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Seasonal Effect </a:t>
              </a:r>
              <a:r>
                <a:rPr lang="en-US" sz="1200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</a:t>
              </a:r>
              <a:r>
                <a:rPr lang="en-US" sz="1200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 </a:t>
              </a:r>
              <a:r>
                <a:rPr lang="en-US" sz="14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95%</a:t>
              </a:r>
            </a:p>
          </p:txBody>
        </p:sp>
      </p:grpSp>
      <p:grpSp>
        <p:nvGrpSpPr>
          <p:cNvPr id="7" name="组合 6"/>
          <p:cNvGrpSpPr/>
          <p:nvPr/>
        </p:nvGrpSpPr>
        <p:grpSpPr>
          <a:xfrm>
            <a:off x="2843530" y="5276215"/>
            <a:ext cx="3836035" cy="255905"/>
            <a:chOff x="4478" y="8328"/>
            <a:chExt cx="6041" cy="403"/>
          </a:xfrm>
        </p:grpSpPr>
        <p:sp>
          <p:nvSpPr>
            <p:cNvPr id="186" name="OTLSHAPE_T_c3d685d5ae854fb185925e527e534f28_Shape"/>
            <p:cNvSpPr/>
            <p:nvPr>
              <p:custDataLst>
                <p:tags r:id="rId73"/>
              </p:custDataLst>
            </p:nvPr>
          </p:nvSpPr>
          <p:spPr>
            <a:xfrm>
              <a:off x="4542" y="8328"/>
              <a:ext cx="5977" cy="403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E0E0E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7" name="OTLSHAPE_T_c3d685d5ae854fb185925e527e534f28_ShapePercentage"/>
            <p:cNvSpPr/>
            <p:nvPr>
              <p:custDataLst>
                <p:tags r:id="rId74"/>
              </p:custDataLst>
            </p:nvPr>
          </p:nvSpPr>
          <p:spPr>
            <a:xfrm>
              <a:off x="4478" y="8328"/>
              <a:ext cx="5677" cy="388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   Correlation Matrix              </a:t>
              </a:r>
              <a:r>
                <a:rPr lang="en-US" sz="14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</a:t>
              </a:r>
              <a:r>
                <a:rPr lang="en-US" sz="14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 95%</a:t>
              </a:r>
            </a:p>
          </p:txBody>
        </p:sp>
      </p:grpSp>
      <p:sp>
        <p:nvSpPr>
          <p:cNvPr id="188" name="OTLSHAPE_T_c3d685d5ae854fb185925e527e534f28_Shape"/>
          <p:cNvSpPr/>
          <p:nvPr>
            <p:custDataLst>
              <p:tags r:id="rId60"/>
            </p:custDataLst>
          </p:nvPr>
        </p:nvSpPr>
        <p:spPr>
          <a:xfrm>
            <a:off x="2843828" y="4705467"/>
            <a:ext cx="3835670" cy="25776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0E0E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T_c3d685d5ae854fb185925e527e534f28_ShapePercentage"/>
          <p:cNvSpPr/>
          <p:nvPr>
            <p:custDataLst>
              <p:tags r:id="rId61"/>
            </p:custDataLst>
          </p:nvPr>
        </p:nvSpPr>
        <p:spPr>
          <a:xfrm>
            <a:off x="2842895" y="4709795"/>
            <a:ext cx="3639185" cy="24828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                  Airline Performance              </a:t>
            </a:r>
            <a:r>
              <a:rPr lang="en-US" sz="1400" b="1" dirty="0" smtClean="0">
                <a:latin typeface="Arial Black" panose="020B0A04020102020204" pitchFamily="34" charset="0"/>
                <a:cs typeface="Calibri" panose="020F0502020204030204" pitchFamily="34" charset="0"/>
              </a:rPr>
              <a:t>95%</a:t>
            </a:r>
          </a:p>
        </p:txBody>
      </p:sp>
      <p:grpSp>
        <p:nvGrpSpPr>
          <p:cNvPr id="6" name="组合 5"/>
          <p:cNvGrpSpPr/>
          <p:nvPr/>
        </p:nvGrpSpPr>
        <p:grpSpPr>
          <a:xfrm>
            <a:off x="2834005" y="4986020"/>
            <a:ext cx="3844954" cy="270009"/>
            <a:chOff x="4477" y="7851"/>
            <a:chExt cx="6088" cy="425"/>
          </a:xfrm>
        </p:grpSpPr>
        <p:sp>
          <p:nvSpPr>
            <p:cNvPr id="190" name="OTLSHAPE_T_c3d685d5ae854fb185925e527e534f28_Shape"/>
            <p:cNvSpPr/>
            <p:nvPr>
              <p:custDataLst>
                <p:tags r:id="rId71"/>
              </p:custDataLst>
            </p:nvPr>
          </p:nvSpPr>
          <p:spPr>
            <a:xfrm>
              <a:off x="4522" y="7928"/>
              <a:ext cx="6043" cy="348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E0E0E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1" name="OTLSHAPE_T_c3d685d5ae854fb185925e527e534f28_ShapePercentage"/>
            <p:cNvSpPr/>
            <p:nvPr>
              <p:custDataLst>
                <p:tags r:id="rId72"/>
              </p:custDataLst>
            </p:nvPr>
          </p:nvSpPr>
          <p:spPr>
            <a:xfrm>
              <a:off x="4477" y="7851"/>
              <a:ext cx="5774" cy="39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   Airport Performance              </a:t>
              </a:r>
              <a:r>
                <a:rPr lang="en-US" sz="14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95%</a:t>
              </a:r>
            </a:p>
          </p:txBody>
        </p:sp>
      </p:grpSp>
      <p:sp>
        <p:nvSpPr>
          <p:cNvPr id="197" name="Left Brace 196"/>
          <p:cNvSpPr/>
          <p:nvPr/>
        </p:nvSpPr>
        <p:spPr>
          <a:xfrm>
            <a:off x="2435192" y="4138863"/>
            <a:ext cx="356134" cy="1414914"/>
          </a:xfrm>
          <a:prstGeom prst="leftBrac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213757f954204f9ca66f8bfc70d9e7b9_Date"/>
          <p:cNvSpPr txBox="1"/>
          <p:nvPr>
            <p:custDataLst>
              <p:tags r:id="rId62"/>
            </p:custDataLst>
          </p:nvPr>
        </p:nvSpPr>
        <p:spPr>
          <a:xfrm>
            <a:off x="10993755" y="1347153"/>
            <a:ext cx="943610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02/Nov/17</a:t>
            </a:r>
          </a:p>
        </p:txBody>
      </p:sp>
      <p:sp>
        <p:nvSpPr>
          <p:cNvPr id="202" name="OTLSHAPE_T_ddc36248860c45f587292ea75ed0d69f_ShapePercentage"/>
          <p:cNvSpPr/>
          <p:nvPr>
            <p:custDataLst>
              <p:tags r:id="rId63"/>
            </p:custDataLst>
          </p:nvPr>
        </p:nvSpPr>
        <p:spPr>
          <a:xfrm>
            <a:off x="5496025" y="5929165"/>
            <a:ext cx="2752826" cy="22138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1">
              <a:lumMod val="75000"/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T_ddc36248860c45f587292ea75ed0d69f_TextPercentage"/>
          <p:cNvSpPr txBox="1"/>
          <p:nvPr>
            <p:custDataLst>
              <p:tags r:id="rId64"/>
            </p:custDataLst>
          </p:nvPr>
        </p:nvSpPr>
        <p:spPr>
          <a:xfrm>
            <a:off x="7660105" y="6512469"/>
            <a:ext cx="32394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ddc36248860c45f587292ea75ed0d69f_ShapePercentage"/>
          <p:cNvSpPr/>
          <p:nvPr>
            <p:custDataLst>
              <p:tags r:id="rId65"/>
            </p:custDataLst>
          </p:nvPr>
        </p:nvSpPr>
        <p:spPr>
          <a:xfrm>
            <a:off x="5508217" y="5942953"/>
            <a:ext cx="1094714" cy="207594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>
                <a:latin typeface="Arial Black" panose="020B0A04020102020204" pitchFamily="34" charset="0"/>
              </a:rPr>
              <a:t>40%</a:t>
            </a:r>
          </a:p>
        </p:txBody>
      </p:sp>
      <p:sp>
        <p:nvSpPr>
          <p:cNvPr id="209" name="OTLSHAPE_M_df949dad64a44818984bde0d0c8fd3af_Date"/>
          <p:cNvSpPr txBox="1"/>
          <p:nvPr>
            <p:custDataLst>
              <p:tags r:id="rId66"/>
            </p:custDataLst>
          </p:nvPr>
        </p:nvSpPr>
        <p:spPr>
          <a:xfrm>
            <a:off x="6179185" y="3125788"/>
            <a:ext cx="998855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evelopment Completed</a:t>
            </a:r>
          </a:p>
        </p:txBody>
      </p:sp>
      <p:sp>
        <p:nvSpPr>
          <p:cNvPr id="211" name="OTLSHAPE_T_5d637a4d89a647e7b3d547461c00dc98_Title"/>
          <p:cNvSpPr txBox="1"/>
          <p:nvPr>
            <p:custDataLst>
              <p:tags r:id="rId67"/>
            </p:custDataLst>
          </p:nvPr>
        </p:nvSpPr>
        <p:spPr>
          <a:xfrm>
            <a:off x="4188795" y="5960538"/>
            <a:ext cx="1244870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215" name="OTLSHAPE_M_df949dad64a44818984bde0d0c8fd3af_Date"/>
          <p:cNvSpPr txBox="1"/>
          <p:nvPr>
            <p:custDataLst>
              <p:tags r:id="rId68"/>
            </p:custDataLst>
          </p:nvPr>
        </p:nvSpPr>
        <p:spPr>
          <a:xfrm>
            <a:off x="7902778" y="3087448"/>
            <a:ext cx="853003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Evaluation Complete</a:t>
            </a:r>
          </a:p>
        </p:txBody>
      </p:sp>
      <p:sp>
        <p:nvSpPr>
          <p:cNvPr id="220" name="OTLSHAPE_M_07b352c881f44a758dc5dd5d40c1f3c2_Shape"/>
          <p:cNvSpPr/>
          <p:nvPr>
            <p:custDataLst>
              <p:tags r:id="rId69"/>
            </p:custDataLst>
          </p:nvPr>
        </p:nvSpPr>
        <p:spPr>
          <a:xfrm>
            <a:off x="11117993" y="2837435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M_df949dad64a44818984bde0d0c8fd3af_Date"/>
          <p:cNvSpPr txBox="1"/>
          <p:nvPr>
            <p:custDataLst>
              <p:tags r:id="rId70"/>
            </p:custDataLst>
          </p:nvPr>
        </p:nvSpPr>
        <p:spPr>
          <a:xfrm>
            <a:off x="10731001" y="3110917"/>
            <a:ext cx="853003" cy="184150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Final Report</a:t>
            </a:r>
          </a:p>
        </p:txBody>
      </p:sp>
      <p:grpSp>
        <p:nvGrpSpPr>
          <p:cNvPr id="3" name="组合 2"/>
          <p:cNvGrpSpPr/>
          <p:nvPr/>
        </p:nvGrpSpPr>
        <p:grpSpPr>
          <a:xfrm>
            <a:off x="7250430" y="290195"/>
            <a:ext cx="3557270" cy="1068070"/>
            <a:chOff x="11010" y="566"/>
            <a:chExt cx="5602" cy="1682"/>
          </a:xfrm>
        </p:grpSpPr>
        <p:sp>
          <p:nvSpPr>
            <p:cNvPr id="225" name="Rounded Rectangle 224"/>
            <p:cNvSpPr/>
            <p:nvPr/>
          </p:nvSpPr>
          <p:spPr>
            <a:xfrm>
              <a:off x="11010" y="566"/>
              <a:ext cx="5602" cy="1683"/>
            </a:xfrm>
            <a:prstGeom prst="roundRect">
              <a:avLst/>
            </a:prstGeom>
            <a:solidFill>
              <a:schemeClr val="bg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2" name="组合 1"/>
            <p:cNvGrpSpPr/>
            <p:nvPr/>
          </p:nvGrpSpPr>
          <p:grpSpPr>
            <a:xfrm>
              <a:off x="11253" y="689"/>
              <a:ext cx="5079" cy="1364"/>
              <a:chOff x="14524" y="677"/>
              <a:chExt cx="5079" cy="1364"/>
            </a:xfrm>
          </p:grpSpPr>
          <p:pic>
            <p:nvPicPr>
              <p:cNvPr id="8195" name="Picture 3"/>
              <p:cNvPicPr>
                <a:picLocks noChangeAspect="1" noChangeArrowheads="1"/>
              </p:cNvPicPr>
              <p:nvPr/>
            </p:nvPicPr>
            <p:blipFill>
              <a:blip r:embed="rId81" cstate="print"/>
              <a:srcRect/>
              <a:stretch>
                <a:fillRect/>
              </a:stretch>
            </p:blipFill>
            <p:spPr bwMode="auto">
              <a:xfrm>
                <a:off x="14524" y="677"/>
                <a:ext cx="766" cy="1364"/>
              </a:xfrm>
              <a:prstGeom prst="rect">
                <a:avLst/>
              </a:prstGeom>
              <a:solidFill>
                <a:schemeClr val="accent6">
                  <a:lumMod val="20000"/>
                  <a:lumOff val="80000"/>
                </a:schemeClr>
              </a:solidFill>
              <a:ln w="9525">
                <a:noFill/>
                <a:miter lim="800000"/>
                <a:headEnd/>
                <a:tailEnd/>
              </a:ln>
              <a:effectLst/>
            </p:spPr>
          </p:pic>
          <p:sp>
            <p:nvSpPr>
              <p:cNvPr id="226" name="TextBox 225"/>
              <p:cNvSpPr txBox="1"/>
              <p:nvPr/>
            </p:nvSpPr>
            <p:spPr>
              <a:xfrm>
                <a:off x="15436" y="677"/>
                <a:ext cx="4167" cy="1355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r>
                  <a:rPr lang="en-US" sz="1600" b="1" dirty="0" smtClean="0">
                    <a:latin typeface="Calibri" panose="020F0502020204030204" pitchFamily="34" charset="0"/>
                  </a:rPr>
                  <a:t>Project Status:</a:t>
                </a:r>
              </a:p>
              <a:p>
                <a:endParaRPr lang="en-US" b="1" dirty="0" smtClean="0">
                  <a:latin typeface="Calibri" panose="020F0502020204030204" pitchFamily="34" charset="0"/>
                </a:endParaRPr>
              </a:p>
              <a:p>
                <a:r>
                  <a:rPr lang="en-US" sz="1600" b="1" i="1" u="sng" dirty="0" smtClean="0">
                    <a:solidFill>
                      <a:srgbClr val="00B050"/>
                    </a:solidFill>
                    <a:latin typeface="Calibri" panose="020F0502020204030204" pitchFamily="34" charset="0"/>
                  </a:rPr>
                  <a:t>Green</a:t>
                </a:r>
                <a:r>
                  <a:rPr lang="en-US" sz="1600" b="1" u="sng" dirty="0" smtClean="0">
                    <a:solidFill>
                      <a:srgbClr val="00B050"/>
                    </a:solidFill>
                    <a:latin typeface="Calibri" panose="020F0502020204030204" pitchFamily="34" charset="0"/>
                  </a:rPr>
                  <a:t> </a:t>
                </a:r>
                <a:r>
                  <a:rPr lang="en-US" sz="1600" b="1" u="sng" dirty="0" smtClean="0">
                    <a:latin typeface="Calibri" panose="020F0502020204030204" pitchFamily="34" charset="0"/>
                  </a:rPr>
                  <a:t>(Ahead of Schedule)</a:t>
                </a:r>
              </a:p>
            </p:txBody>
          </p:sp>
        </p:grpSp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598930" y="451485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lanning</a:t>
            </a: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6</a:t>
              </a:r>
            </a:p>
          </p:txBody>
        </p:sp>
      </p:grpSp>
      <p:grpSp>
        <p:nvGrpSpPr>
          <p:cNvPr id="11" name="组合 10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2" name="文本框 11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3" name="图片 12" descr="2139314_123527066460_2"/>
            <p:cNvPicPr>
              <a:picLocks noChangeAspect="1"/>
            </p:cNvPicPr>
            <p:nvPr/>
          </p:nvPicPr>
          <p:blipFill>
            <a:blip r:embed="rId2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graphicFrame>
        <p:nvGraphicFramePr>
          <p:cNvPr id="14" name="Table 13"/>
          <p:cNvGraphicFramePr>
            <a:graphicFrameLocks noGrp="1"/>
          </p:cNvGraphicFramePr>
          <p:nvPr/>
        </p:nvGraphicFramePr>
        <p:xfrm>
          <a:off x="1757680" y="1334770"/>
          <a:ext cx="9302115" cy="4467225"/>
        </p:xfrm>
        <a:graphic>
          <a:graphicData uri="http://schemas.openxmlformats.org/drawingml/2006/table">
            <a:tbl>
              <a:tblPr/>
              <a:tblGrid>
                <a:gridCol w="3957320"/>
                <a:gridCol w="1306830"/>
                <a:gridCol w="1765935"/>
                <a:gridCol w="2272030"/>
              </a:tblGrid>
              <a:tr h="48006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altLang="en-AU" sz="18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Planning Task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altLang="en-AU" sz="18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Start Date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altLang="en-AU" sz="18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End Date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altLang="en-AU" sz="18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Task Owner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50000"/>
                      </a:schemeClr>
                    </a:solidFill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Evaluation 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3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3865">
                <a:tc>
                  <a:txBody>
                    <a:bodyPr/>
                    <a:lstStyle/>
                    <a:p>
                      <a:pPr algn="l"/>
                      <a:r>
                        <a:rPr lang="en-US" sz="1600" b="1" dirty="0" smtClean="0">
                          <a:latin typeface="Arial" panose="020B0604020202020204" pitchFamily="34" charset="0"/>
                          <a:ea typeface="Times New Roman" panose="02020603050405020304"/>
                          <a:cs typeface="Times New Roman" panose="02020603050405020304"/>
                        </a:rPr>
                        <a:t>Survey</a:t>
                      </a:r>
                      <a:r>
                        <a:rPr lang="en-US" sz="1600" b="1" baseline="0" dirty="0" smtClean="0">
                          <a:latin typeface="Arial" panose="020B0604020202020204" pitchFamily="34" charset="0"/>
                          <a:ea typeface="Times New Roman" panose="02020603050405020304"/>
                          <a:cs typeface="Times New Roman" panose="02020603050405020304"/>
                        </a:rPr>
                        <a:t> Result</a:t>
                      </a:r>
                      <a:endParaRPr lang="en-US" sz="1600" b="1" dirty="0" smtClean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1600" b="0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 smtClean="0">
                          <a:latin typeface="Arial" panose="020B0604020202020204" pitchFamily="34" charset="0"/>
                          <a:ea typeface="Times"/>
                          <a:cs typeface="Times New Roman" panose="02020603050405020304"/>
                        </a:rPr>
                        <a:t>Statistical</a:t>
                      </a:r>
                      <a:r>
                        <a:rPr lang="en-US" sz="1600" b="1" baseline="0" dirty="0" smtClean="0">
                          <a:latin typeface="Arial" panose="020B0604020202020204" pitchFamily="34" charset="0"/>
                          <a:ea typeface="Times"/>
                          <a:cs typeface="Times New Roman" panose="02020603050405020304"/>
                        </a:rPr>
                        <a:t> Analysis</a:t>
                      </a:r>
                      <a:endParaRPr lang="en-US" sz="1600" b="1" dirty="0" smtClean="0">
                        <a:latin typeface="Arial" panose="020B0604020202020204" pitchFamily="34" charset="0"/>
                        <a:ea typeface="Times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1600" b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algn="l"/>
                      <a:r>
                        <a:rPr lang="en-US" sz="1600" b="1" kern="1200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+mn-cs"/>
                        </a:rPr>
                        <a:t>Cognitive walkthroughs 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1600" b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3865">
                <a:tc>
                  <a:txBody>
                    <a:bodyPr/>
                    <a:lstStyle/>
                    <a:p>
                      <a:pPr algn="l"/>
                      <a:r>
                        <a:rPr lang="en-AU" sz="1600" b="1" dirty="0" smtClean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Adjustment to VA based on Survey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1600" b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Final Submission Documentation 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5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          Initial Draf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5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386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          Review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5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          Finalize Initial Repor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5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组合 8"/>
          <p:cNvGrpSpPr/>
          <p:nvPr/>
        </p:nvGrpSpPr>
        <p:grpSpPr>
          <a:xfrm>
            <a:off x="-88900" y="-11906"/>
            <a:ext cx="12280900" cy="2015241"/>
            <a:chOff x="-88900" y="-11906"/>
            <a:chExt cx="12280900" cy="2015241"/>
          </a:xfrm>
        </p:grpSpPr>
        <p:sp>
          <p:nvSpPr>
            <p:cNvPr id="6" name="矩形 5"/>
            <p:cNvSpPr/>
            <p:nvPr/>
          </p:nvSpPr>
          <p:spPr>
            <a:xfrm>
              <a:off x="7976681" y="-3"/>
              <a:ext cx="4215319" cy="1765304"/>
            </a:xfrm>
            <a:custGeom>
              <a:avLst/>
              <a:gdLst>
                <a:gd name="connsiteX0" fmla="*/ 0 w 4215319"/>
                <a:gd name="connsiteY0" fmla="*/ 0 h 894948"/>
                <a:gd name="connsiteX1" fmla="*/ 4215319 w 4215319"/>
                <a:gd name="connsiteY1" fmla="*/ 0 h 894948"/>
                <a:gd name="connsiteX2" fmla="*/ 4215319 w 4215319"/>
                <a:gd name="connsiteY2" fmla="*/ 894948 h 894948"/>
                <a:gd name="connsiteX3" fmla="*/ 0 w 4215319"/>
                <a:gd name="connsiteY3" fmla="*/ 894948 h 894948"/>
                <a:gd name="connsiteX4" fmla="*/ 0 w 4215319"/>
                <a:gd name="connsiteY4" fmla="*/ 0 h 894948"/>
                <a:gd name="connsiteX0-1" fmla="*/ 0 w 4215319"/>
                <a:gd name="connsiteY0-2" fmla="*/ 0 h 1361876"/>
                <a:gd name="connsiteX1-3" fmla="*/ 4215319 w 4215319"/>
                <a:gd name="connsiteY1-4" fmla="*/ 0 h 1361876"/>
                <a:gd name="connsiteX2-5" fmla="*/ 4215319 w 4215319"/>
                <a:gd name="connsiteY2-6" fmla="*/ 1361876 h 1361876"/>
                <a:gd name="connsiteX3-7" fmla="*/ 0 w 4215319"/>
                <a:gd name="connsiteY3-8" fmla="*/ 894948 h 1361876"/>
                <a:gd name="connsiteX4-9" fmla="*/ 0 w 4215319"/>
                <a:gd name="connsiteY4-10" fmla="*/ 0 h 1361876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4215319" h="1361876">
                  <a:moveTo>
                    <a:pt x="0" y="0"/>
                  </a:moveTo>
                  <a:lnTo>
                    <a:pt x="4215319" y="0"/>
                  </a:lnTo>
                  <a:lnTo>
                    <a:pt x="4215319" y="1361876"/>
                  </a:lnTo>
                  <a:lnTo>
                    <a:pt x="0" y="8949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" name="直角三角形 4"/>
            <p:cNvSpPr/>
            <p:nvPr/>
          </p:nvSpPr>
          <p:spPr>
            <a:xfrm rot="10800000">
              <a:off x="-88900" y="-11906"/>
              <a:ext cx="12280900" cy="2015241"/>
            </a:xfrm>
            <a:custGeom>
              <a:avLst/>
              <a:gdLst>
                <a:gd name="connsiteX0" fmla="*/ 0 w 3822971"/>
                <a:gd name="connsiteY0" fmla="*/ 1167319 h 1167319"/>
                <a:gd name="connsiteX1" fmla="*/ 0 w 3822971"/>
                <a:gd name="connsiteY1" fmla="*/ 0 h 1167319"/>
                <a:gd name="connsiteX2" fmla="*/ 3822971 w 3822971"/>
                <a:gd name="connsiteY2" fmla="*/ 1167319 h 1167319"/>
                <a:gd name="connsiteX3" fmla="*/ 0 w 3822971"/>
                <a:gd name="connsiteY3" fmla="*/ 1167319 h 1167319"/>
                <a:gd name="connsiteX0-1" fmla="*/ 0 w 12179031"/>
                <a:gd name="connsiteY0-2" fmla="*/ 0 h 1225685"/>
                <a:gd name="connsiteX1-3" fmla="*/ 8356060 w 12179031"/>
                <a:gd name="connsiteY1-4" fmla="*/ 58366 h 1225685"/>
                <a:gd name="connsiteX2-5" fmla="*/ 12179031 w 12179031"/>
                <a:gd name="connsiteY2-6" fmla="*/ 1225685 h 1225685"/>
                <a:gd name="connsiteX3-7" fmla="*/ 0 w 12179031"/>
                <a:gd name="connsiteY3-8" fmla="*/ 0 h 1225685"/>
                <a:gd name="connsiteX0-9" fmla="*/ 0 w 12179031"/>
                <a:gd name="connsiteY0-10" fmla="*/ 612842 h 1838527"/>
                <a:gd name="connsiteX1-11" fmla="*/ 1 w 12179031"/>
                <a:gd name="connsiteY1-12" fmla="*/ 0 h 1838527"/>
                <a:gd name="connsiteX2-13" fmla="*/ 12179031 w 12179031"/>
                <a:gd name="connsiteY2-14" fmla="*/ 1838527 h 1838527"/>
                <a:gd name="connsiteX3-15" fmla="*/ 0 w 12179031"/>
                <a:gd name="connsiteY3-16" fmla="*/ 612842 h 1838527"/>
                <a:gd name="connsiteX0-17" fmla="*/ 0 w 12267836"/>
                <a:gd name="connsiteY0-18" fmla="*/ 612842 h 1677218"/>
                <a:gd name="connsiteX1-19" fmla="*/ 1 w 12267836"/>
                <a:gd name="connsiteY1-20" fmla="*/ 0 h 1677218"/>
                <a:gd name="connsiteX2-21" fmla="*/ 12267836 w 12267836"/>
                <a:gd name="connsiteY2-22" fmla="*/ 1677218 h 1677218"/>
                <a:gd name="connsiteX3-23" fmla="*/ 0 w 12267836"/>
                <a:gd name="connsiteY3-24" fmla="*/ 612842 h 1677218"/>
                <a:gd name="connsiteX0-25" fmla="*/ 0 w 12267836"/>
                <a:gd name="connsiteY0-26" fmla="*/ 612842 h 1706437"/>
                <a:gd name="connsiteX1-27" fmla="*/ 1 w 12267836"/>
                <a:gd name="connsiteY1-28" fmla="*/ 0 h 1706437"/>
                <a:gd name="connsiteX2-29" fmla="*/ 12267836 w 12267836"/>
                <a:gd name="connsiteY2-30" fmla="*/ 1706437 h 1706437"/>
                <a:gd name="connsiteX3-31" fmla="*/ 0 w 12267836"/>
                <a:gd name="connsiteY3-32" fmla="*/ 612842 h 17064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2267836" h="1706437">
                  <a:moveTo>
                    <a:pt x="0" y="612842"/>
                  </a:moveTo>
                  <a:cubicBezTo>
                    <a:pt x="0" y="408561"/>
                    <a:pt x="1" y="204281"/>
                    <a:pt x="1" y="0"/>
                  </a:cubicBezTo>
                  <a:lnTo>
                    <a:pt x="12267836" y="1706437"/>
                  </a:lnTo>
                  <a:cubicBezTo>
                    <a:pt x="8208159" y="1297875"/>
                    <a:pt x="4059677" y="1021404"/>
                    <a:pt x="0" y="612842"/>
                  </a:cubicBezTo>
                  <a:close/>
                </a:path>
              </a:pathLst>
            </a:custGeom>
            <a:solidFill>
              <a:srgbClr val="00ADE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" name="直角三角形 2"/>
            <p:cNvSpPr/>
            <p:nvPr/>
          </p:nvSpPr>
          <p:spPr>
            <a:xfrm rot="10800000">
              <a:off x="-2" y="-2"/>
              <a:ext cx="8949447" cy="1016001"/>
            </a:xfrm>
            <a:custGeom>
              <a:avLst/>
              <a:gdLst>
                <a:gd name="connsiteX0" fmla="*/ 0 w 8949447"/>
                <a:gd name="connsiteY0" fmla="*/ 943583 h 943583"/>
                <a:gd name="connsiteX1" fmla="*/ 0 w 8949447"/>
                <a:gd name="connsiteY1" fmla="*/ 0 h 943583"/>
                <a:gd name="connsiteX2" fmla="*/ 8949447 w 8949447"/>
                <a:gd name="connsiteY2" fmla="*/ 943583 h 943583"/>
                <a:gd name="connsiteX3" fmla="*/ 0 w 8949447"/>
                <a:gd name="connsiteY3" fmla="*/ 943583 h 943583"/>
                <a:gd name="connsiteX0-1" fmla="*/ 0 w 8949447"/>
                <a:gd name="connsiteY0-2" fmla="*/ 992221 h 992221"/>
                <a:gd name="connsiteX1-3" fmla="*/ 1147863 w 8949447"/>
                <a:gd name="connsiteY1-4" fmla="*/ 0 h 992221"/>
                <a:gd name="connsiteX2-5" fmla="*/ 8949447 w 8949447"/>
                <a:gd name="connsiteY2-6" fmla="*/ 992221 h 992221"/>
                <a:gd name="connsiteX3-7" fmla="*/ 0 w 8949447"/>
                <a:gd name="connsiteY3-8" fmla="*/ 992221 h 992221"/>
                <a:gd name="connsiteX0-9" fmla="*/ 0 w 8949447"/>
                <a:gd name="connsiteY0-10" fmla="*/ 894945 h 894945"/>
                <a:gd name="connsiteX1-11" fmla="*/ 1021404 w 8949447"/>
                <a:gd name="connsiteY1-12" fmla="*/ 0 h 894945"/>
                <a:gd name="connsiteX2-13" fmla="*/ 8949447 w 8949447"/>
                <a:gd name="connsiteY2-14" fmla="*/ 894945 h 894945"/>
                <a:gd name="connsiteX3-15" fmla="*/ 0 w 8949447"/>
                <a:gd name="connsiteY3-16" fmla="*/ 894945 h 894945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8949447" h="894945">
                  <a:moveTo>
                    <a:pt x="0" y="894945"/>
                  </a:moveTo>
                  <a:lnTo>
                    <a:pt x="1021404" y="0"/>
                  </a:lnTo>
                  <a:lnTo>
                    <a:pt x="8949447" y="894945"/>
                  </a:lnTo>
                  <a:lnTo>
                    <a:pt x="0" y="894945"/>
                  </a:lnTo>
                  <a:close/>
                </a:path>
              </a:pathLst>
            </a:custGeom>
            <a:solidFill>
              <a:srgbClr val="0091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7" name="流程图: 摘录 6"/>
            <p:cNvSpPr/>
            <p:nvPr/>
          </p:nvSpPr>
          <p:spPr>
            <a:xfrm rot="5400000">
              <a:off x="715018" y="-715022"/>
              <a:ext cx="1361876" cy="2791913"/>
            </a:xfrm>
            <a:custGeom>
              <a:avLst/>
              <a:gdLst>
                <a:gd name="connsiteX0" fmla="*/ 0 w 10000"/>
                <a:gd name="connsiteY0" fmla="*/ 10000 h 10000"/>
                <a:gd name="connsiteX1" fmla="*/ 5000 w 10000"/>
                <a:gd name="connsiteY1" fmla="*/ 0 h 10000"/>
                <a:gd name="connsiteX2" fmla="*/ 10000 w 10000"/>
                <a:gd name="connsiteY2" fmla="*/ 10000 h 10000"/>
                <a:gd name="connsiteX3" fmla="*/ 0 w 10000"/>
                <a:gd name="connsiteY3" fmla="*/ 10000 h 10000"/>
                <a:gd name="connsiteX0-1" fmla="*/ 0 w 10000"/>
                <a:gd name="connsiteY0-2" fmla="*/ 16020 h 16020"/>
                <a:gd name="connsiteX1-3" fmla="*/ 3500 w 10000"/>
                <a:gd name="connsiteY1-4" fmla="*/ 0 h 16020"/>
                <a:gd name="connsiteX2-5" fmla="*/ 10000 w 10000"/>
                <a:gd name="connsiteY2-6" fmla="*/ 16020 h 16020"/>
                <a:gd name="connsiteX3-7" fmla="*/ 0 w 10000"/>
                <a:gd name="connsiteY3-8" fmla="*/ 16020 h 16020"/>
                <a:gd name="connsiteX0-9" fmla="*/ 0 w 10000"/>
                <a:gd name="connsiteY0-10" fmla="*/ 14428 h 14428"/>
                <a:gd name="connsiteX1-11" fmla="*/ 3214 w 10000"/>
                <a:gd name="connsiteY1-12" fmla="*/ 0 h 14428"/>
                <a:gd name="connsiteX2-13" fmla="*/ 10000 w 10000"/>
                <a:gd name="connsiteY2-14" fmla="*/ 14428 h 14428"/>
                <a:gd name="connsiteX3-15" fmla="*/ 0 w 10000"/>
                <a:gd name="connsiteY3-16" fmla="*/ 14428 h 14428"/>
                <a:gd name="connsiteX0-17" fmla="*/ 0 w 10000"/>
                <a:gd name="connsiteY0-18" fmla="*/ 14279 h 14279"/>
                <a:gd name="connsiteX1-19" fmla="*/ 3143 w 10000"/>
                <a:gd name="connsiteY1-20" fmla="*/ 0 h 14279"/>
                <a:gd name="connsiteX2-21" fmla="*/ 10000 w 10000"/>
                <a:gd name="connsiteY2-22" fmla="*/ 14279 h 14279"/>
                <a:gd name="connsiteX3-23" fmla="*/ 0 w 10000"/>
                <a:gd name="connsiteY3-24" fmla="*/ 14279 h 14279"/>
                <a:gd name="connsiteX0-25" fmla="*/ 0 w 10000"/>
                <a:gd name="connsiteY0-26" fmla="*/ 14279 h 14279"/>
                <a:gd name="connsiteX1-27" fmla="*/ 3072 w 10000"/>
                <a:gd name="connsiteY1-28" fmla="*/ 0 h 14279"/>
                <a:gd name="connsiteX2-29" fmla="*/ 10000 w 10000"/>
                <a:gd name="connsiteY2-30" fmla="*/ 14279 h 14279"/>
                <a:gd name="connsiteX3-31" fmla="*/ 0 w 10000"/>
                <a:gd name="connsiteY3-32" fmla="*/ 14279 h 14279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0000" h="14279">
                  <a:moveTo>
                    <a:pt x="0" y="14279"/>
                  </a:moveTo>
                  <a:lnTo>
                    <a:pt x="3072" y="0"/>
                  </a:lnTo>
                  <a:lnTo>
                    <a:pt x="10000" y="14279"/>
                  </a:lnTo>
                  <a:lnTo>
                    <a:pt x="0" y="1427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矩形 7"/>
            <p:cNvSpPr/>
            <p:nvPr/>
          </p:nvSpPr>
          <p:spPr>
            <a:xfrm>
              <a:off x="-19455" y="418491"/>
              <a:ext cx="2985985" cy="1244937"/>
            </a:xfrm>
            <a:custGeom>
              <a:avLst/>
              <a:gdLst>
                <a:gd name="connsiteX0" fmla="*/ 0 w 3210127"/>
                <a:gd name="connsiteY0" fmla="*/ 0 h 632298"/>
                <a:gd name="connsiteX1" fmla="*/ 3210127 w 3210127"/>
                <a:gd name="connsiteY1" fmla="*/ 0 h 632298"/>
                <a:gd name="connsiteX2" fmla="*/ 3210127 w 3210127"/>
                <a:gd name="connsiteY2" fmla="*/ 632298 h 632298"/>
                <a:gd name="connsiteX3" fmla="*/ 0 w 3210127"/>
                <a:gd name="connsiteY3" fmla="*/ 632298 h 632298"/>
                <a:gd name="connsiteX4" fmla="*/ 0 w 3210127"/>
                <a:gd name="connsiteY4" fmla="*/ 0 h 632298"/>
                <a:gd name="connsiteX0-1" fmla="*/ 0 w 3210127"/>
                <a:gd name="connsiteY0-2" fmla="*/ 933855 h 1566153"/>
                <a:gd name="connsiteX1-3" fmla="*/ 2830749 w 3210127"/>
                <a:gd name="connsiteY1-4" fmla="*/ 0 h 1566153"/>
                <a:gd name="connsiteX2-5" fmla="*/ 3210127 w 3210127"/>
                <a:gd name="connsiteY2-6" fmla="*/ 1566153 h 1566153"/>
                <a:gd name="connsiteX3-7" fmla="*/ 0 w 3210127"/>
                <a:gd name="connsiteY3-8" fmla="*/ 1566153 h 1566153"/>
                <a:gd name="connsiteX4-9" fmla="*/ 0 w 3210127"/>
                <a:gd name="connsiteY4-10" fmla="*/ 933855 h 1566153"/>
                <a:gd name="connsiteX0-11" fmla="*/ 0 w 2986391"/>
                <a:gd name="connsiteY0-12" fmla="*/ 933855 h 1566153"/>
                <a:gd name="connsiteX1-13" fmla="*/ 2830749 w 2986391"/>
                <a:gd name="connsiteY1-14" fmla="*/ 0 h 1566153"/>
                <a:gd name="connsiteX2-15" fmla="*/ 2986391 w 2986391"/>
                <a:gd name="connsiteY2-16" fmla="*/ 38911 h 1566153"/>
                <a:gd name="connsiteX3-17" fmla="*/ 0 w 2986391"/>
                <a:gd name="connsiteY3-18" fmla="*/ 1566153 h 1566153"/>
                <a:gd name="connsiteX4-19" fmla="*/ 0 w 2986391"/>
                <a:gd name="connsiteY4-20" fmla="*/ 933855 h 1566153"/>
                <a:gd name="connsiteX0-21" fmla="*/ 19455 w 3005846"/>
                <a:gd name="connsiteY0-22" fmla="*/ 933855 h 1235412"/>
                <a:gd name="connsiteX1-23" fmla="*/ 2850204 w 3005846"/>
                <a:gd name="connsiteY1-24" fmla="*/ 0 h 1235412"/>
                <a:gd name="connsiteX2-25" fmla="*/ 3005846 w 3005846"/>
                <a:gd name="connsiteY2-26" fmla="*/ 38911 h 1235412"/>
                <a:gd name="connsiteX3-27" fmla="*/ 0 w 3005846"/>
                <a:gd name="connsiteY3-28" fmla="*/ 1235412 h 1235412"/>
                <a:gd name="connsiteX4-29" fmla="*/ 19455 w 3005846"/>
                <a:gd name="connsiteY4-30" fmla="*/ 933855 h 1235412"/>
                <a:gd name="connsiteX0-31" fmla="*/ 19455 w 2947480"/>
                <a:gd name="connsiteY0-32" fmla="*/ 933855 h 1235412"/>
                <a:gd name="connsiteX1-33" fmla="*/ 2850204 w 2947480"/>
                <a:gd name="connsiteY1-34" fmla="*/ 0 h 1235412"/>
                <a:gd name="connsiteX2-35" fmla="*/ 2947480 w 2947480"/>
                <a:gd name="connsiteY2-36" fmla="*/ 38911 h 1235412"/>
                <a:gd name="connsiteX3-37" fmla="*/ 0 w 2947480"/>
                <a:gd name="connsiteY3-38" fmla="*/ 1235412 h 1235412"/>
                <a:gd name="connsiteX4-39" fmla="*/ 19455 w 2947480"/>
                <a:gd name="connsiteY4-40" fmla="*/ 933855 h 1235412"/>
                <a:gd name="connsiteX0-41" fmla="*/ 19455 w 2947480"/>
                <a:gd name="connsiteY0-42" fmla="*/ 933855 h 1235412"/>
                <a:gd name="connsiteX1-43" fmla="*/ 2821021 w 2947480"/>
                <a:gd name="connsiteY1-44" fmla="*/ 0 h 1235412"/>
                <a:gd name="connsiteX2-45" fmla="*/ 2947480 w 2947480"/>
                <a:gd name="connsiteY2-46" fmla="*/ 38911 h 1235412"/>
                <a:gd name="connsiteX3-47" fmla="*/ 0 w 2947480"/>
                <a:gd name="connsiteY3-48" fmla="*/ 1235412 h 1235412"/>
                <a:gd name="connsiteX4-49" fmla="*/ 19455 w 2947480"/>
                <a:gd name="connsiteY4-50" fmla="*/ 933855 h 1235412"/>
                <a:gd name="connsiteX0-51" fmla="*/ 19455 w 2966935"/>
                <a:gd name="connsiteY0-52" fmla="*/ 933855 h 1235412"/>
                <a:gd name="connsiteX1-53" fmla="*/ 2821021 w 2966935"/>
                <a:gd name="connsiteY1-54" fmla="*/ 0 h 1235412"/>
                <a:gd name="connsiteX2-55" fmla="*/ 2966935 w 2966935"/>
                <a:gd name="connsiteY2-56" fmla="*/ 29184 h 1235412"/>
                <a:gd name="connsiteX3-57" fmla="*/ 0 w 2966935"/>
                <a:gd name="connsiteY3-58" fmla="*/ 1235412 h 1235412"/>
                <a:gd name="connsiteX4-59" fmla="*/ 19455 w 2966935"/>
                <a:gd name="connsiteY4-60" fmla="*/ 933855 h 1235412"/>
                <a:gd name="connsiteX0-61" fmla="*/ 19455 w 2966935"/>
                <a:gd name="connsiteY0-62" fmla="*/ 933855 h 1235412"/>
                <a:gd name="connsiteX1-63" fmla="*/ 2786515 w 2966935"/>
                <a:gd name="connsiteY1-64" fmla="*/ 0 h 1235412"/>
                <a:gd name="connsiteX2-65" fmla="*/ 2966935 w 2966935"/>
                <a:gd name="connsiteY2-66" fmla="*/ 29184 h 1235412"/>
                <a:gd name="connsiteX3-67" fmla="*/ 0 w 2966935"/>
                <a:gd name="connsiteY3-68" fmla="*/ 1235412 h 1235412"/>
                <a:gd name="connsiteX4-69" fmla="*/ 19455 w 2966935"/>
                <a:gd name="connsiteY4-70" fmla="*/ 933855 h 1235412"/>
                <a:gd name="connsiteX0-71" fmla="*/ 19455 w 2966935"/>
                <a:gd name="connsiteY0-72" fmla="*/ 943380 h 1244937"/>
                <a:gd name="connsiteX1-73" fmla="*/ 2803183 w 2966935"/>
                <a:gd name="connsiteY1-74" fmla="*/ 0 h 1244937"/>
                <a:gd name="connsiteX2-75" fmla="*/ 2966935 w 2966935"/>
                <a:gd name="connsiteY2-76" fmla="*/ 38709 h 1244937"/>
                <a:gd name="connsiteX3-77" fmla="*/ 0 w 2966935"/>
                <a:gd name="connsiteY3-78" fmla="*/ 1244937 h 1244937"/>
                <a:gd name="connsiteX4-79" fmla="*/ 19455 w 2966935"/>
                <a:gd name="connsiteY4-80" fmla="*/ 943380 h 1244937"/>
                <a:gd name="connsiteX0-81" fmla="*/ 19455 w 2985985"/>
                <a:gd name="connsiteY0-82" fmla="*/ 943380 h 1244937"/>
                <a:gd name="connsiteX1-83" fmla="*/ 2803183 w 2985985"/>
                <a:gd name="connsiteY1-84" fmla="*/ 0 h 1244937"/>
                <a:gd name="connsiteX2-85" fmla="*/ 2985985 w 2985985"/>
                <a:gd name="connsiteY2-86" fmla="*/ 29184 h 1244937"/>
                <a:gd name="connsiteX3-87" fmla="*/ 0 w 2985985"/>
                <a:gd name="connsiteY3-88" fmla="*/ 1244937 h 1244937"/>
                <a:gd name="connsiteX4-89" fmla="*/ 19455 w 2985985"/>
                <a:gd name="connsiteY4-90" fmla="*/ 943380 h 12449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2985985" h="1244937">
                  <a:moveTo>
                    <a:pt x="19455" y="943380"/>
                  </a:moveTo>
                  <a:lnTo>
                    <a:pt x="2803183" y="0"/>
                  </a:lnTo>
                  <a:lnTo>
                    <a:pt x="2985985" y="29184"/>
                  </a:lnTo>
                  <a:lnTo>
                    <a:pt x="0" y="1244937"/>
                  </a:lnTo>
                  <a:lnTo>
                    <a:pt x="19455" y="943380"/>
                  </a:lnTo>
                  <a:close/>
                </a:path>
              </a:pathLst>
            </a:custGeom>
            <a:solidFill>
              <a:srgbClr val="E0E0E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sp>
        <p:nvSpPr>
          <p:cNvPr id="23" name="文本框 22"/>
          <p:cNvSpPr txBox="1"/>
          <p:nvPr/>
        </p:nvSpPr>
        <p:spPr>
          <a:xfrm>
            <a:off x="1429836" y="4336998"/>
            <a:ext cx="361460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dist"/>
            <a:r>
              <a:rPr lang="en-US" altLang="zh-CN" sz="4400" dirty="0">
                <a:solidFill>
                  <a:schemeClr val="tx1">
                    <a:lumMod val="65000"/>
                    <a:lumOff val="35000"/>
                  </a:schemeClr>
                </a:solidFill>
                <a:latin typeface="Impact" panose="020B0806030902050204" pitchFamily="34" charset="0"/>
              </a:rPr>
              <a:t>THANK YOU</a:t>
            </a:r>
            <a:endParaRPr lang="zh-CN" altLang="en-US" sz="4400" dirty="0">
              <a:solidFill>
                <a:schemeClr val="tx1">
                  <a:lumMod val="65000"/>
                  <a:lumOff val="35000"/>
                </a:schemeClr>
              </a:solidFill>
              <a:latin typeface="Impact" panose="020B0806030902050204" pitchFamily="34" charset="0"/>
            </a:endParaRPr>
          </a:p>
        </p:txBody>
      </p:sp>
      <p:sp>
        <p:nvSpPr>
          <p:cNvPr id="26" name="文本框 25"/>
          <p:cNvSpPr txBox="1"/>
          <p:nvPr/>
        </p:nvSpPr>
        <p:spPr>
          <a:xfrm>
            <a:off x="1273175" y="3024505"/>
            <a:ext cx="5109210" cy="15684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600" dirty="0">
                <a:solidFill>
                  <a:srgbClr val="0091C4"/>
                </a:solidFill>
                <a:latin typeface="Impact" panose="020B0806030902050204" pitchFamily="34" charset="0"/>
              </a:rPr>
              <a:t>GROUP 30</a:t>
            </a:r>
          </a:p>
        </p:txBody>
      </p:sp>
      <p:sp>
        <p:nvSpPr>
          <p:cNvPr id="2" name="文本框 1"/>
          <p:cNvSpPr txBox="1"/>
          <p:nvPr/>
        </p:nvSpPr>
        <p:spPr>
          <a:xfrm>
            <a:off x="1539875" y="5210810"/>
            <a:ext cx="3394075" cy="706755"/>
          </a:xfrm>
          <a:prstGeom prst="rect">
            <a:avLst/>
          </a:prstGeom>
          <a:noFill/>
        </p:spPr>
        <p:txBody>
          <a:bodyPr wrap="square" rtlCol="0" anchor="ctr" anchorCtr="0">
            <a:spAutoFit/>
          </a:bodyPr>
          <a:lstStyle/>
          <a:p>
            <a:pPr algn="dist"/>
            <a:r>
              <a:rPr lang="en-US" altLang="zh-CN" sz="4000" dirty="0">
                <a:solidFill>
                  <a:schemeClr val="tx1">
                    <a:lumMod val="65000"/>
                    <a:lumOff val="35000"/>
                  </a:schemeClr>
                </a:solidFill>
                <a:latin typeface="Impact" panose="020B0806030902050204" pitchFamily="34" charset="0"/>
              </a:rPr>
              <a:t>Q&amp;A TIME</a:t>
            </a: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图片 4" descr="Movie_poster_the_terminal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18000" y="594995"/>
            <a:ext cx="4056380" cy="605663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0</a:t>
              </a:r>
            </a:p>
          </p:txBody>
        </p:sp>
      </p:grpSp>
      <p:grpSp>
        <p:nvGrpSpPr>
          <p:cNvPr id="2" name="组合 1"/>
          <p:cNvGrpSpPr/>
          <p:nvPr/>
        </p:nvGrpSpPr>
        <p:grpSpPr>
          <a:xfrm>
            <a:off x="9332035" y="6245246"/>
            <a:ext cx="2672396" cy="406253"/>
            <a:chOff x="9296866" y="93090"/>
            <a:chExt cx="2672396" cy="406253"/>
          </a:xfrm>
        </p:grpSpPr>
        <p:sp>
          <p:nvSpPr>
            <p:cNvPr id="15" name="文本框 14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6" name="图片 5" descr="2139314_123527066460_2"/>
            <p:cNvPicPr>
              <a:picLocks noChangeAspect="1"/>
            </p:cNvPicPr>
            <p:nvPr/>
          </p:nvPicPr>
          <p:blipFill>
            <a:blip r:embed="rId3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pic>
        <p:nvPicPr>
          <p:cNvPr id="3" name="图片 2" descr="airport-activities-vide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98775" y="1501140"/>
            <a:ext cx="7592695" cy="4244340"/>
          </a:xfrm>
          <a:prstGeom prst="rect">
            <a:avLst/>
          </a:prstGeom>
        </p:spPr>
      </p:pic>
      <p:sp>
        <p:nvSpPr>
          <p:cNvPr id="7" name="文本框 6"/>
          <p:cNvSpPr txBox="1"/>
          <p:nvPr/>
        </p:nvSpPr>
        <p:spPr>
          <a:xfrm>
            <a:off x="1598295" y="392430"/>
            <a:ext cx="5791835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altLang="zh-CN" sz="4000" b="1" dirty="0">
                <a:solidFill>
                  <a:srgbClr val="FF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 Believe I Can Fly...</a:t>
            </a:r>
          </a:p>
        </p:txBody>
      </p:sp>
      <p:sp>
        <p:nvSpPr>
          <p:cNvPr id="252" name=" 252"/>
          <p:cNvSpPr/>
          <p:nvPr/>
        </p:nvSpPr>
        <p:spPr>
          <a:xfrm rot="3000000">
            <a:off x="4638675" y="722630"/>
            <a:ext cx="5202555" cy="6230620"/>
          </a:xfrm>
          <a:prstGeom prst="mathPlus">
            <a:avLst>
              <a:gd name="adj1" fmla="val 9220"/>
            </a:avLst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zh-CN" altLang="en-US">
              <a:solidFill>
                <a:srgbClr val="FFFFFF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2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1</a:t>
              </a:r>
            </a:p>
          </p:txBody>
        </p:sp>
      </p:grpSp>
      <p:sp>
        <p:nvSpPr>
          <p:cNvPr id="38" name="文本框 37"/>
          <p:cNvSpPr txBox="1"/>
          <p:nvPr/>
        </p:nvSpPr>
        <p:spPr>
          <a:xfrm>
            <a:off x="1696720" y="488315"/>
            <a:ext cx="350266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troduction</a:t>
            </a:r>
          </a:p>
        </p:txBody>
      </p:sp>
      <p:sp>
        <p:nvSpPr>
          <p:cNvPr id="4" name="文本框 3"/>
          <p:cNvSpPr txBox="1"/>
          <p:nvPr/>
        </p:nvSpPr>
        <p:spPr>
          <a:xfrm>
            <a:off x="3551555" y="1562735"/>
            <a:ext cx="8156575" cy="20148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ts val="3000"/>
              </a:lnSpc>
            </a:pPr>
            <a:r>
              <a:rPr lang="zh-CN" altLang="en-US" sz="2000" dirty="0">
                <a:latin typeface="Arial" panose="020B0604020202020204" pitchFamily="34" charset="0"/>
              </a:rPr>
              <a:t>The </a:t>
            </a:r>
            <a:r>
              <a:rPr lang="en-US" altLang="zh-CN" sz="2000" dirty="0">
                <a:latin typeface="Arial" panose="020B0604020202020204" pitchFamily="34" charset="0"/>
              </a:rPr>
              <a:t>Flight(delay) </a:t>
            </a:r>
            <a:r>
              <a:rPr lang="zh-CN" altLang="en-US" sz="2000" dirty="0">
                <a:latin typeface="Arial" panose="020B0604020202020204" pitchFamily="34" charset="0"/>
              </a:rPr>
              <a:t>dataset contains largely US domestic flight network and performance details consisting of approximately 120 million flight arrival and departure information, metrics, and statistics ranging from the years 1987 till 2008</a:t>
            </a:r>
            <a:r>
              <a:rPr lang="en-US" altLang="zh-CN" sz="2000" dirty="0">
                <a:latin typeface="Arial" panose="020B0604020202020204" pitchFamily="34" charset="0"/>
              </a:rPr>
              <a:t>, and </a:t>
            </a:r>
            <a:r>
              <a:rPr lang="zh-CN" altLang="en-US" sz="2000" dirty="0">
                <a:latin typeface="Arial" panose="020B0604020202020204" pitchFamily="34" charset="0"/>
              </a:rPr>
              <a:t>also contains airline, airport, and aircraft information</a:t>
            </a:r>
            <a:r>
              <a:rPr lang="en-US" altLang="zh-CN" sz="2000" dirty="0">
                <a:latin typeface="Arial" panose="020B0604020202020204" pitchFamily="34" charset="0"/>
              </a:rPr>
              <a:t>.</a:t>
            </a:r>
          </a:p>
        </p:txBody>
      </p:sp>
      <p:sp>
        <p:nvSpPr>
          <p:cNvPr id="46" name="文本框 45"/>
          <p:cNvSpPr txBox="1"/>
          <p:nvPr/>
        </p:nvSpPr>
        <p:spPr>
          <a:xfrm>
            <a:off x="3551555" y="3717949"/>
            <a:ext cx="8058785" cy="247760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lnSpc>
                <a:spcPts val="3060"/>
              </a:lnSpc>
              <a:defRPr/>
            </a:pPr>
            <a:r>
              <a:rPr lang="zh-CN" altLang="en-US" sz="2400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dirty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en-US" altLang="zh-CN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Build Visualization system for flight (delay) dataset </a:t>
            </a:r>
            <a:endParaRPr lang="en-US" altLang="zh-CN" dirty="0" smtClean="0">
              <a:solidFill>
                <a:prstClr val="black"/>
              </a:solidFill>
              <a:latin typeface="宋体" panose="02010600030101010101" pitchFamily="2" charset="-122"/>
              <a:ea typeface="宋体" panose="02010600030101010101" pitchFamily="2" charset="-122"/>
            </a:endParaRPr>
          </a:p>
          <a:p>
            <a:pPr lvl="0">
              <a:lnSpc>
                <a:spcPts val="3060"/>
              </a:lnSpc>
              <a:defRPr/>
            </a:pPr>
            <a:r>
              <a:rPr lang="zh-CN" altLang="en-US" sz="2400" b="1" dirty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b="1" dirty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en-US" altLang="zh-CN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overview airline networks in US</a:t>
            </a:r>
            <a:endParaRPr lang="en-US" altLang="zh-CN" sz="2400" b="1" dirty="0" smtClean="0">
              <a:solidFill>
                <a:prstClr val="black"/>
              </a:solidFill>
              <a:latin typeface="宋体" panose="02010600030101010101" pitchFamily="2" charset="-122"/>
              <a:ea typeface="宋体" panose="02010600030101010101" pitchFamily="2" charset="-122"/>
            </a:endParaRPr>
          </a:p>
          <a:p>
            <a:pPr>
              <a:lnSpc>
                <a:spcPts val="3060"/>
              </a:lnSpc>
              <a:defRPr/>
            </a:pPr>
            <a:r>
              <a:rPr lang="zh-CN" altLang="en-US" sz="2400" b="1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kumimoji="0" lang="en-US" altLang="zh-CN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宋体" panose="02010600030101010101" pitchFamily="2" charset="-122"/>
                <a:ea typeface="宋体" panose="02010600030101010101" pitchFamily="2" charset="-122"/>
                <a:cs typeface="+mn-cs"/>
              </a:rPr>
              <a:t> </a:t>
            </a:r>
            <a:r>
              <a:rPr kumimoji="0" lang="zh-CN" altLang="en-US" sz="180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Visualise </a:t>
            </a:r>
            <a:r>
              <a:rPr kumimoji="0" lang="zh-CN" altLang="en-US" sz="180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best time of year for travelling with minimal flight delays. </a:t>
            </a:r>
            <a:endParaRPr kumimoji="0" lang="en-US" altLang="zh-CN" sz="180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  <a:p>
            <a:pPr lvl="0">
              <a:lnSpc>
                <a:spcPts val="3060"/>
              </a:lnSpc>
              <a:defRPr/>
            </a:pPr>
            <a:r>
              <a:rPr lang="zh-CN" altLang="en-US" sz="2400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dirty="0" smtClean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zh-CN" altLang="en-US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erformance of airports and carrier year on year</a:t>
            </a:r>
            <a:r>
              <a:rPr lang="en-US" altLang="zh-CN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.</a:t>
            </a:r>
            <a:endParaRPr kumimoji="0" lang="en-US" altLang="zh-CN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  <a:sym typeface="+mn-ea"/>
            </a:endParaRPr>
          </a:p>
          <a:p>
            <a:pPr lvl="0">
              <a:lnSpc>
                <a:spcPts val="3060"/>
              </a:lnSpc>
              <a:defRPr/>
            </a:pPr>
            <a:r>
              <a:rPr lang="zh-CN" altLang="en-US" sz="2400" dirty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dirty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zh-CN" altLang="en-US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negative effect of specific incident or event on flight delay</a:t>
            </a:r>
            <a:r>
              <a:rPr lang="en-US" altLang="zh-CN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.</a:t>
            </a:r>
          </a:p>
          <a:p>
            <a:pPr>
              <a:lnSpc>
                <a:spcPts val="3060"/>
              </a:lnSpc>
              <a:defRPr/>
            </a:pPr>
            <a:r>
              <a:rPr lang="zh-CN" altLang="en-US" sz="2400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 </a:t>
            </a:r>
            <a:r>
              <a:rPr lang="en-US" altLang="zh-CN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Give traveling guide to hitchhikers based on visualization analysis.</a:t>
            </a:r>
            <a:endParaRPr lang="en-US" altLang="zh-CN" dirty="0">
              <a:solidFill>
                <a:prstClr val="black"/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18" name="组合 17"/>
          <p:cNvGrpSpPr/>
          <p:nvPr/>
        </p:nvGrpSpPr>
        <p:grpSpPr>
          <a:xfrm>
            <a:off x="1338727" y="1682066"/>
            <a:ext cx="2019935" cy="1343660"/>
            <a:chOff x="1841" y="2835"/>
            <a:chExt cx="3181" cy="2116"/>
          </a:xfrm>
          <a:solidFill>
            <a:schemeClr val="bg1">
              <a:lumMod val="50000"/>
            </a:schemeClr>
          </a:solidFill>
        </p:grpSpPr>
        <p:sp>
          <p:nvSpPr>
            <p:cNvPr id="16" name="Freeform 56"/>
            <p:cNvSpPr/>
            <p:nvPr/>
          </p:nvSpPr>
          <p:spPr bwMode="auto">
            <a:xfrm>
              <a:off x="1841" y="2835"/>
              <a:ext cx="3181" cy="2116"/>
            </a:xfrm>
            <a:custGeom>
              <a:avLst/>
              <a:gdLst>
                <a:gd name="T0" fmla="*/ 85 w 85"/>
                <a:gd name="T1" fmla="*/ 51 h 51"/>
                <a:gd name="T2" fmla="*/ 66 w 85"/>
                <a:gd name="T3" fmla="*/ 40 h 51"/>
                <a:gd name="T4" fmla="*/ 19 w 85"/>
                <a:gd name="T5" fmla="*/ 40 h 51"/>
                <a:gd name="T6" fmla="*/ 0 w 85"/>
                <a:gd name="T7" fmla="*/ 22 h 51"/>
                <a:gd name="T8" fmla="*/ 0 w 85"/>
                <a:gd name="T9" fmla="*/ 18 h 51"/>
                <a:gd name="T10" fmla="*/ 19 w 85"/>
                <a:gd name="T11" fmla="*/ 0 h 51"/>
                <a:gd name="T12" fmla="*/ 66 w 85"/>
                <a:gd name="T13" fmla="*/ 0 h 51"/>
                <a:gd name="T14" fmla="*/ 85 w 85"/>
                <a:gd name="T15" fmla="*/ 18 h 51"/>
                <a:gd name="T16" fmla="*/ 85 w 85"/>
                <a:gd name="T17" fmla="*/ 51 h 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5" h="51">
                  <a:moveTo>
                    <a:pt x="85" y="51"/>
                  </a:moveTo>
                  <a:cubicBezTo>
                    <a:pt x="81" y="45"/>
                    <a:pt x="74" y="40"/>
                    <a:pt x="66" y="40"/>
                  </a:cubicBezTo>
                  <a:cubicBezTo>
                    <a:pt x="19" y="40"/>
                    <a:pt x="19" y="40"/>
                    <a:pt x="19" y="40"/>
                  </a:cubicBezTo>
                  <a:cubicBezTo>
                    <a:pt x="9" y="40"/>
                    <a:pt x="0" y="32"/>
                    <a:pt x="0" y="22"/>
                  </a:cubicBezTo>
                  <a:cubicBezTo>
                    <a:pt x="0" y="18"/>
                    <a:pt x="0" y="18"/>
                    <a:pt x="0" y="18"/>
                  </a:cubicBezTo>
                  <a:cubicBezTo>
                    <a:pt x="0" y="8"/>
                    <a:pt x="9" y="0"/>
                    <a:pt x="19" y="0"/>
                  </a:cubicBezTo>
                  <a:cubicBezTo>
                    <a:pt x="66" y="0"/>
                    <a:pt x="66" y="0"/>
                    <a:pt x="66" y="0"/>
                  </a:cubicBezTo>
                  <a:cubicBezTo>
                    <a:pt x="76" y="0"/>
                    <a:pt x="85" y="8"/>
                    <a:pt x="85" y="18"/>
                  </a:cubicBezTo>
                  <a:lnTo>
                    <a:pt x="85" y="51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121920" tIns="60960" rIns="121920" bIns="60960" numCol="1" anchor="t" anchorCtr="0" compatLnSpc="1"/>
            <a:lstStyle/>
            <a:p>
              <a:pPr algn="l"/>
              <a:endParaRPr lang="en-US" altLang="zh-CN" sz="2800" b="1" dirty="0"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endParaRPr>
            </a:p>
            <a:p>
              <a:pPr algn="l"/>
              <a:endParaRPr kumimoji="0" lang="en-US" altLang="zh-CN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  <a:sym typeface="+mn-ea"/>
              </a:endParaRPr>
            </a:p>
          </p:txBody>
        </p:sp>
        <p:sp>
          <p:nvSpPr>
            <p:cNvPr id="17" name="文本框 16"/>
            <p:cNvSpPr txBox="1"/>
            <p:nvPr/>
          </p:nvSpPr>
          <p:spPr>
            <a:xfrm>
              <a:off x="2168" y="3244"/>
              <a:ext cx="2528" cy="822"/>
            </a:xfrm>
            <a:prstGeom prst="rect">
              <a:avLst/>
            </a:prstGeom>
            <a:grpFill/>
          </p:spPr>
          <p:txBody>
            <a:bodyPr wrap="square" rtlCol="0">
              <a:spAutoFit/>
            </a:bodyPr>
            <a:lstStyle/>
            <a:p>
              <a:r>
                <a:rPr lang="en-US" altLang="zh-CN" sz="2800" b="1">
                  <a:solidFill>
                    <a:schemeClr val="bg1"/>
                  </a:solidFill>
                  <a:latin typeface="Arial" panose="020B0604020202020204" pitchFamily="34" charset="0"/>
                </a:rPr>
                <a:t>Dataset</a:t>
              </a:r>
            </a:p>
          </p:txBody>
        </p:sp>
      </p:grpSp>
      <p:grpSp>
        <p:nvGrpSpPr>
          <p:cNvPr id="25" name="组合 24"/>
          <p:cNvGrpSpPr/>
          <p:nvPr/>
        </p:nvGrpSpPr>
        <p:grpSpPr>
          <a:xfrm>
            <a:off x="1037102" y="3798036"/>
            <a:ext cx="2322195" cy="1623060"/>
            <a:chOff x="1603" y="6048"/>
            <a:chExt cx="3657" cy="2556"/>
          </a:xfrm>
          <a:solidFill>
            <a:srgbClr val="00ADEC"/>
          </a:solidFill>
        </p:grpSpPr>
        <p:sp>
          <p:nvSpPr>
            <p:cNvPr id="19" name="Freeform 53"/>
            <p:cNvSpPr/>
            <p:nvPr/>
          </p:nvSpPr>
          <p:spPr bwMode="auto">
            <a:xfrm>
              <a:off x="1603" y="6048"/>
              <a:ext cx="3657" cy="2556"/>
            </a:xfrm>
            <a:custGeom>
              <a:avLst/>
              <a:gdLst>
                <a:gd name="T0" fmla="*/ 112 w 112"/>
                <a:gd name="T1" fmla="*/ 69 h 69"/>
                <a:gd name="T2" fmla="*/ 87 w 112"/>
                <a:gd name="T3" fmla="*/ 55 h 69"/>
                <a:gd name="T4" fmla="*/ 25 w 112"/>
                <a:gd name="T5" fmla="*/ 55 h 69"/>
                <a:gd name="T6" fmla="*/ 0 w 112"/>
                <a:gd name="T7" fmla="*/ 30 h 69"/>
                <a:gd name="T8" fmla="*/ 0 w 112"/>
                <a:gd name="T9" fmla="*/ 25 h 69"/>
                <a:gd name="T10" fmla="*/ 25 w 112"/>
                <a:gd name="T11" fmla="*/ 0 h 69"/>
                <a:gd name="T12" fmla="*/ 87 w 112"/>
                <a:gd name="T13" fmla="*/ 0 h 69"/>
                <a:gd name="T14" fmla="*/ 112 w 112"/>
                <a:gd name="T15" fmla="*/ 25 h 69"/>
                <a:gd name="T16" fmla="*/ 112 w 112"/>
                <a:gd name="T17" fmla="*/ 69 h 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2" h="69">
                  <a:moveTo>
                    <a:pt x="112" y="69"/>
                  </a:moveTo>
                  <a:cubicBezTo>
                    <a:pt x="107" y="61"/>
                    <a:pt x="98" y="55"/>
                    <a:pt x="87" y="55"/>
                  </a:cubicBezTo>
                  <a:cubicBezTo>
                    <a:pt x="25" y="55"/>
                    <a:pt x="25" y="55"/>
                    <a:pt x="25" y="55"/>
                  </a:cubicBezTo>
                  <a:cubicBezTo>
                    <a:pt x="11" y="55"/>
                    <a:pt x="0" y="43"/>
                    <a:pt x="0" y="30"/>
                  </a:cubicBezTo>
                  <a:cubicBezTo>
                    <a:pt x="0" y="25"/>
                    <a:pt x="0" y="25"/>
                    <a:pt x="0" y="25"/>
                  </a:cubicBezTo>
                  <a:cubicBezTo>
                    <a:pt x="0" y="11"/>
                    <a:pt x="11" y="0"/>
                    <a:pt x="25" y="0"/>
                  </a:cubicBezTo>
                  <a:cubicBezTo>
                    <a:pt x="87" y="0"/>
                    <a:pt x="87" y="0"/>
                    <a:pt x="87" y="0"/>
                  </a:cubicBezTo>
                  <a:cubicBezTo>
                    <a:pt x="101" y="0"/>
                    <a:pt x="112" y="11"/>
                    <a:pt x="112" y="25"/>
                  </a:cubicBezTo>
                  <a:lnTo>
                    <a:pt x="112" y="69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121920" tIns="60960" rIns="121920" bIns="60960" numCol="1" anchor="t" anchorCtr="0" compatLnSpc="1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4" name="文本框 23"/>
            <p:cNvSpPr txBox="1"/>
            <p:nvPr/>
          </p:nvSpPr>
          <p:spPr>
            <a:xfrm>
              <a:off x="3147" y="6627"/>
              <a:ext cx="1549" cy="822"/>
            </a:xfrm>
            <a:prstGeom prst="rect">
              <a:avLst/>
            </a:prstGeom>
            <a:grpFill/>
          </p:spPr>
          <p:txBody>
            <a:bodyPr wrap="square" rtlCol="0">
              <a:spAutoFit/>
            </a:bodyPr>
            <a:lstStyle/>
            <a:p>
              <a:r>
                <a:rPr lang="en-US" altLang="zh-CN" sz="2800" b="1">
                  <a:solidFill>
                    <a:schemeClr val="bg1"/>
                  </a:solidFill>
                  <a:latin typeface="Arial" panose="020B0604020202020204" pitchFamily="34" charset="0"/>
                </a:rPr>
                <a:t>Aim</a:t>
              </a:r>
            </a:p>
          </p:txBody>
        </p:sp>
        <p:sp>
          <p:nvSpPr>
            <p:cNvPr id="21" name="Shape 454"/>
            <p:cNvSpPr/>
            <p:nvPr/>
          </p:nvSpPr>
          <p:spPr>
            <a:xfrm>
              <a:off x="2256" y="6627"/>
              <a:ext cx="769" cy="769"/>
            </a:xfrm>
            <a:custGeom>
              <a:avLst/>
              <a:gdLst/>
              <a:ahLst/>
              <a:cxnLst/>
              <a:rect l="0" t="0" r="0" b="0"/>
              <a:pathLst>
                <a:path w="120000" h="120000" extrusionOk="0">
                  <a:moveTo>
                    <a:pt x="119718" y="118870"/>
                  </a:moveTo>
                  <a:cubicBezTo>
                    <a:pt x="119718" y="118870"/>
                    <a:pt x="119718" y="118870"/>
                    <a:pt x="119718" y="118588"/>
                  </a:cubicBezTo>
                  <a:cubicBezTo>
                    <a:pt x="119718" y="118588"/>
                    <a:pt x="119718" y="118588"/>
                    <a:pt x="119999" y="118305"/>
                  </a:cubicBezTo>
                  <a:cubicBezTo>
                    <a:pt x="119999" y="118305"/>
                    <a:pt x="119999" y="118305"/>
                    <a:pt x="119999" y="118305"/>
                  </a:cubicBezTo>
                  <a:cubicBezTo>
                    <a:pt x="119999" y="118023"/>
                    <a:pt x="119999" y="118023"/>
                    <a:pt x="119999" y="117741"/>
                  </a:cubicBezTo>
                  <a:cubicBezTo>
                    <a:pt x="119999" y="117741"/>
                    <a:pt x="119999" y="117741"/>
                    <a:pt x="119999" y="117741"/>
                  </a:cubicBezTo>
                  <a:cubicBezTo>
                    <a:pt x="119999" y="117741"/>
                    <a:pt x="119999" y="117458"/>
                    <a:pt x="119999" y="117458"/>
                  </a:cubicBezTo>
                  <a:cubicBezTo>
                    <a:pt x="119999" y="117458"/>
                    <a:pt x="119999" y="117458"/>
                    <a:pt x="119999" y="117176"/>
                  </a:cubicBezTo>
                  <a:cubicBezTo>
                    <a:pt x="119999" y="117176"/>
                    <a:pt x="119999" y="117176"/>
                    <a:pt x="119999" y="117176"/>
                  </a:cubicBezTo>
                  <a:cubicBezTo>
                    <a:pt x="119999" y="117176"/>
                    <a:pt x="119999" y="116894"/>
                    <a:pt x="119999" y="116894"/>
                  </a:cubicBezTo>
                  <a:cubicBezTo>
                    <a:pt x="119999" y="116894"/>
                    <a:pt x="119999" y="116611"/>
                    <a:pt x="119999" y="116611"/>
                  </a:cubicBezTo>
                  <a:cubicBezTo>
                    <a:pt x="119999" y="116611"/>
                    <a:pt x="119999" y="116611"/>
                    <a:pt x="119999" y="116611"/>
                  </a:cubicBezTo>
                  <a:cubicBezTo>
                    <a:pt x="108450" y="80470"/>
                    <a:pt x="108450" y="80470"/>
                    <a:pt x="108450" y="80470"/>
                  </a:cubicBezTo>
                  <a:cubicBezTo>
                    <a:pt x="108169" y="80188"/>
                    <a:pt x="107887" y="79905"/>
                    <a:pt x="107605" y="79623"/>
                  </a:cubicBezTo>
                  <a:cubicBezTo>
                    <a:pt x="44788" y="16376"/>
                    <a:pt x="44788" y="16376"/>
                    <a:pt x="44788" y="16376"/>
                  </a:cubicBezTo>
                  <a:cubicBezTo>
                    <a:pt x="44507" y="16094"/>
                    <a:pt x="44507" y="16094"/>
                    <a:pt x="44225" y="15811"/>
                  </a:cubicBezTo>
                  <a:cubicBezTo>
                    <a:pt x="30422" y="1976"/>
                    <a:pt x="30422" y="1976"/>
                    <a:pt x="30422" y="1976"/>
                  </a:cubicBezTo>
                  <a:cubicBezTo>
                    <a:pt x="29295" y="847"/>
                    <a:pt x="27605" y="0"/>
                    <a:pt x="25915" y="0"/>
                  </a:cubicBezTo>
                  <a:cubicBezTo>
                    <a:pt x="24225" y="0"/>
                    <a:pt x="22535" y="847"/>
                    <a:pt x="21126" y="1976"/>
                  </a:cubicBezTo>
                  <a:cubicBezTo>
                    <a:pt x="1971" y="21458"/>
                    <a:pt x="1971" y="21458"/>
                    <a:pt x="1971" y="21458"/>
                  </a:cubicBezTo>
                  <a:cubicBezTo>
                    <a:pt x="563" y="22588"/>
                    <a:pt x="0" y="24282"/>
                    <a:pt x="0" y="25976"/>
                  </a:cubicBezTo>
                  <a:cubicBezTo>
                    <a:pt x="0" y="27670"/>
                    <a:pt x="563" y="29364"/>
                    <a:pt x="1971" y="30776"/>
                  </a:cubicBezTo>
                  <a:cubicBezTo>
                    <a:pt x="15211" y="44047"/>
                    <a:pt x="15211" y="44047"/>
                    <a:pt x="15211" y="44047"/>
                  </a:cubicBezTo>
                  <a:cubicBezTo>
                    <a:pt x="15492" y="44329"/>
                    <a:pt x="15492" y="44329"/>
                    <a:pt x="15492" y="44611"/>
                  </a:cubicBezTo>
                  <a:cubicBezTo>
                    <a:pt x="78591" y="108141"/>
                    <a:pt x="78591" y="108141"/>
                    <a:pt x="78591" y="108141"/>
                  </a:cubicBezTo>
                  <a:cubicBezTo>
                    <a:pt x="78873" y="108423"/>
                    <a:pt x="79436" y="108705"/>
                    <a:pt x="79718" y="108705"/>
                  </a:cubicBezTo>
                  <a:cubicBezTo>
                    <a:pt x="99436" y="114635"/>
                    <a:pt x="99436" y="114635"/>
                    <a:pt x="99436" y="114635"/>
                  </a:cubicBezTo>
                  <a:cubicBezTo>
                    <a:pt x="2535" y="114635"/>
                    <a:pt x="2535" y="114635"/>
                    <a:pt x="2535" y="114635"/>
                  </a:cubicBezTo>
                  <a:cubicBezTo>
                    <a:pt x="1126" y="114635"/>
                    <a:pt x="0" y="115764"/>
                    <a:pt x="0" y="117176"/>
                  </a:cubicBezTo>
                  <a:cubicBezTo>
                    <a:pt x="0" y="118870"/>
                    <a:pt x="1126" y="120000"/>
                    <a:pt x="2535" y="120000"/>
                  </a:cubicBezTo>
                  <a:cubicBezTo>
                    <a:pt x="117464" y="120000"/>
                    <a:pt x="117464" y="120000"/>
                    <a:pt x="117464" y="120000"/>
                  </a:cubicBezTo>
                  <a:cubicBezTo>
                    <a:pt x="117464" y="120000"/>
                    <a:pt x="117464" y="120000"/>
                    <a:pt x="117464" y="120000"/>
                  </a:cubicBezTo>
                  <a:cubicBezTo>
                    <a:pt x="117746" y="120000"/>
                    <a:pt x="117746" y="120000"/>
                    <a:pt x="118028" y="120000"/>
                  </a:cubicBezTo>
                  <a:cubicBezTo>
                    <a:pt x="118028" y="120000"/>
                    <a:pt x="118309" y="119717"/>
                    <a:pt x="118591" y="119717"/>
                  </a:cubicBezTo>
                  <a:cubicBezTo>
                    <a:pt x="118591" y="119717"/>
                    <a:pt x="118591" y="119717"/>
                    <a:pt x="118591" y="119717"/>
                  </a:cubicBezTo>
                  <a:cubicBezTo>
                    <a:pt x="118591" y="119717"/>
                    <a:pt x="118873" y="119717"/>
                    <a:pt x="118873" y="119435"/>
                  </a:cubicBezTo>
                  <a:cubicBezTo>
                    <a:pt x="118873" y="119435"/>
                    <a:pt x="118873" y="119435"/>
                    <a:pt x="118873" y="119435"/>
                  </a:cubicBezTo>
                  <a:cubicBezTo>
                    <a:pt x="119154" y="119435"/>
                    <a:pt x="119154" y="119152"/>
                    <a:pt x="119436" y="119152"/>
                  </a:cubicBezTo>
                  <a:cubicBezTo>
                    <a:pt x="119436" y="119152"/>
                    <a:pt x="119436" y="119152"/>
                    <a:pt x="119436" y="119152"/>
                  </a:cubicBezTo>
                  <a:cubicBezTo>
                    <a:pt x="119436" y="119152"/>
                    <a:pt x="119436" y="118870"/>
                    <a:pt x="119718" y="118870"/>
                  </a:cubicBezTo>
                  <a:close/>
                  <a:moveTo>
                    <a:pt x="113521" y="113223"/>
                  </a:moveTo>
                  <a:cubicBezTo>
                    <a:pt x="84225" y="104752"/>
                    <a:pt x="84225" y="104752"/>
                    <a:pt x="84225" y="104752"/>
                  </a:cubicBezTo>
                  <a:cubicBezTo>
                    <a:pt x="86197" y="97694"/>
                    <a:pt x="86197" y="97694"/>
                    <a:pt x="86197" y="97694"/>
                  </a:cubicBezTo>
                  <a:cubicBezTo>
                    <a:pt x="95211" y="97694"/>
                    <a:pt x="95211" y="97694"/>
                    <a:pt x="95211" y="97694"/>
                  </a:cubicBezTo>
                  <a:cubicBezTo>
                    <a:pt x="96901" y="97694"/>
                    <a:pt x="98028" y="96564"/>
                    <a:pt x="98028" y="95152"/>
                  </a:cubicBezTo>
                  <a:cubicBezTo>
                    <a:pt x="98028" y="85835"/>
                    <a:pt x="98028" y="85835"/>
                    <a:pt x="98028" y="85835"/>
                  </a:cubicBezTo>
                  <a:cubicBezTo>
                    <a:pt x="103943" y="84423"/>
                    <a:pt x="103943" y="84423"/>
                    <a:pt x="103943" y="84423"/>
                  </a:cubicBezTo>
                  <a:lnTo>
                    <a:pt x="113521" y="113223"/>
                  </a:lnTo>
                  <a:close/>
                  <a:moveTo>
                    <a:pt x="42253" y="21458"/>
                  </a:moveTo>
                  <a:cubicBezTo>
                    <a:pt x="100563" y="79905"/>
                    <a:pt x="100563" y="79905"/>
                    <a:pt x="100563" y="79905"/>
                  </a:cubicBezTo>
                  <a:cubicBezTo>
                    <a:pt x="96056" y="81035"/>
                    <a:pt x="96056" y="81035"/>
                    <a:pt x="96056" y="81035"/>
                  </a:cubicBezTo>
                  <a:cubicBezTo>
                    <a:pt x="39718" y="24282"/>
                    <a:pt x="39718" y="24282"/>
                    <a:pt x="39718" y="24282"/>
                  </a:cubicBezTo>
                  <a:lnTo>
                    <a:pt x="42253" y="21458"/>
                  </a:lnTo>
                  <a:close/>
                  <a:moveTo>
                    <a:pt x="35774" y="27952"/>
                  </a:moveTo>
                  <a:cubicBezTo>
                    <a:pt x="92676" y="84988"/>
                    <a:pt x="92676" y="84988"/>
                    <a:pt x="92676" y="84988"/>
                  </a:cubicBezTo>
                  <a:cubicBezTo>
                    <a:pt x="92676" y="92611"/>
                    <a:pt x="92676" y="92611"/>
                    <a:pt x="92676" y="92611"/>
                  </a:cubicBezTo>
                  <a:cubicBezTo>
                    <a:pt x="85352" y="92611"/>
                    <a:pt x="85352" y="92611"/>
                    <a:pt x="85352" y="92611"/>
                  </a:cubicBezTo>
                  <a:cubicBezTo>
                    <a:pt x="27887" y="35858"/>
                    <a:pt x="27887" y="35858"/>
                    <a:pt x="27887" y="35858"/>
                  </a:cubicBezTo>
                  <a:lnTo>
                    <a:pt x="35774" y="27952"/>
                  </a:lnTo>
                  <a:close/>
                  <a:moveTo>
                    <a:pt x="5352" y="25976"/>
                  </a:moveTo>
                  <a:cubicBezTo>
                    <a:pt x="5352" y="25976"/>
                    <a:pt x="5352" y="25411"/>
                    <a:pt x="5633" y="25129"/>
                  </a:cubicBezTo>
                  <a:cubicBezTo>
                    <a:pt x="25070" y="5647"/>
                    <a:pt x="25070" y="5647"/>
                    <a:pt x="25070" y="5647"/>
                  </a:cubicBezTo>
                  <a:cubicBezTo>
                    <a:pt x="25352" y="5364"/>
                    <a:pt x="25633" y="5364"/>
                    <a:pt x="25915" y="5364"/>
                  </a:cubicBezTo>
                  <a:cubicBezTo>
                    <a:pt x="26197" y="5364"/>
                    <a:pt x="26478" y="5364"/>
                    <a:pt x="26760" y="5647"/>
                  </a:cubicBezTo>
                  <a:cubicBezTo>
                    <a:pt x="38591" y="17788"/>
                    <a:pt x="38591" y="17788"/>
                    <a:pt x="38591" y="17788"/>
                  </a:cubicBezTo>
                  <a:cubicBezTo>
                    <a:pt x="17464" y="38964"/>
                    <a:pt x="17464" y="38964"/>
                    <a:pt x="17464" y="38964"/>
                  </a:cubicBezTo>
                  <a:cubicBezTo>
                    <a:pt x="5633" y="26823"/>
                    <a:pt x="5633" y="26823"/>
                    <a:pt x="5633" y="26823"/>
                  </a:cubicBezTo>
                  <a:cubicBezTo>
                    <a:pt x="5352" y="26541"/>
                    <a:pt x="5352" y="26258"/>
                    <a:pt x="5352" y="25976"/>
                  </a:cubicBezTo>
                  <a:close/>
                  <a:moveTo>
                    <a:pt x="24225" y="39529"/>
                  </a:moveTo>
                  <a:cubicBezTo>
                    <a:pt x="81408" y="96000"/>
                    <a:pt x="81408" y="96000"/>
                    <a:pt x="81408" y="96000"/>
                  </a:cubicBezTo>
                  <a:cubicBezTo>
                    <a:pt x="79718" y="101647"/>
                    <a:pt x="79718" y="101647"/>
                    <a:pt x="79718" y="101647"/>
                  </a:cubicBezTo>
                  <a:cubicBezTo>
                    <a:pt x="21126" y="42635"/>
                    <a:pt x="21126" y="42635"/>
                    <a:pt x="21126" y="42635"/>
                  </a:cubicBezTo>
                  <a:lnTo>
                    <a:pt x="24225" y="39529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lIns="121900" tIns="60933" rIns="121900" bIns="60933" anchor="t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defRPr/>
              </a:pPr>
              <a:endParaRPr kumimoji="0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Calibri" panose="020F0502020204030204"/>
                <a:cs typeface="Calibri" panose="020F0502020204030204"/>
                <a:sym typeface="Calibri" panose="020F0502020204030204"/>
              </a:endParaRPr>
            </a:p>
          </p:txBody>
        </p:sp>
      </p:grpSp>
      <p:grpSp>
        <p:nvGrpSpPr>
          <p:cNvPr id="2" name="组合 1"/>
          <p:cNvGrpSpPr/>
          <p:nvPr/>
        </p:nvGrpSpPr>
        <p:grpSpPr>
          <a:xfrm>
            <a:off x="9332035" y="6245246"/>
            <a:ext cx="2672396" cy="406253"/>
            <a:chOff x="9296866" y="93090"/>
            <a:chExt cx="2672396" cy="406253"/>
          </a:xfrm>
        </p:grpSpPr>
        <p:sp>
          <p:nvSpPr>
            <p:cNvPr id="15" name="文本框 14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6" name="图片 5" descr="2139314_123527066460_2"/>
            <p:cNvPicPr>
              <a:picLocks noChangeAspect="1"/>
            </p:cNvPicPr>
            <p:nvPr/>
          </p:nvPicPr>
          <p:blipFill>
            <a:blip r:embed="rId2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图片 4" descr="BEFOR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06210" y="1870075"/>
            <a:ext cx="5469255" cy="3814445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533525" y="223520"/>
            <a:ext cx="4523740" cy="1198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endParaRPr lang="en-US" altLang="zh-CN" sz="40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  <a:p>
            <a:pPr algn="l"/>
            <a:r>
              <a:rPr lang="en-US" altLang="zh-CN" sz="32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zation System</a:t>
            </a: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pic>
        <p:nvPicPr>
          <p:cNvPr id="2" name="图片 1" descr="va-overview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10580" y="635"/>
            <a:ext cx="6290945" cy="6857365"/>
          </a:xfrm>
          <a:prstGeom prst="rect">
            <a:avLst/>
          </a:prstGeom>
        </p:spPr>
      </p:pic>
      <p:grpSp>
        <p:nvGrpSpPr>
          <p:cNvPr id="13" name="组合 12"/>
          <p:cNvGrpSpPr/>
          <p:nvPr/>
        </p:nvGrpSpPr>
        <p:grpSpPr>
          <a:xfrm>
            <a:off x="687827" y="6337243"/>
            <a:ext cx="2672396" cy="406253"/>
            <a:chOff x="9296866" y="93090"/>
            <a:chExt cx="2672396" cy="406253"/>
          </a:xfrm>
        </p:grpSpPr>
        <p:sp>
          <p:nvSpPr>
            <p:cNvPr id="14" name="文本框 13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6" name="图片 15" descr="2139314_123527066460_2"/>
            <p:cNvPicPr>
              <a:picLocks noChangeAspect="1"/>
            </p:cNvPicPr>
            <p:nvPr/>
          </p:nvPicPr>
          <p:blipFill>
            <a:blip r:embed="rId4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sp>
        <p:nvSpPr>
          <p:cNvPr id="4" name="矩形 3"/>
          <p:cNvSpPr/>
          <p:nvPr/>
        </p:nvSpPr>
        <p:spPr>
          <a:xfrm>
            <a:off x="240467" y="2555818"/>
            <a:ext cx="5558155" cy="285178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graphicFrame>
        <p:nvGraphicFramePr>
          <p:cNvPr id="8" name="表格 7"/>
          <p:cNvGraphicFramePr/>
          <p:nvPr/>
        </p:nvGraphicFramePr>
        <p:xfrm>
          <a:off x="367030" y="2704465"/>
          <a:ext cx="5357495" cy="249936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283460"/>
                <a:gridCol w="2132965"/>
                <a:gridCol w="941070"/>
              </a:tblGrid>
              <a:tr h="0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Arial Black" panose="020B0A04020102020204" pitchFamily="34" charset="0"/>
                          <a:ea typeface="+mn-ea"/>
                          <a:cs typeface="+mn-cs"/>
                        </a:rPr>
                        <a:t>Visualisation</a:t>
                      </a:r>
                      <a:endParaRPr lang="en-AU" altLang="en-US" sz="1600" b="1" kern="1200" dirty="0" smtClean="0">
                        <a:solidFill>
                          <a:schemeClr val="bg1"/>
                        </a:solidFill>
                        <a:latin typeface="Arial Black" panose="020B0A04020102020204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Arial Black" panose="020B0A04020102020204" pitchFamily="34" charset="0"/>
                          <a:ea typeface="+mn-ea"/>
                          <a:cs typeface="+mn-cs"/>
                        </a:rPr>
                        <a:t>Layout</a:t>
                      </a:r>
                      <a:endParaRPr lang="en-AU" sz="1600" b="1" i="1" kern="1200" dirty="0" smtClean="0">
                        <a:solidFill>
                          <a:schemeClr val="bg1"/>
                        </a:solidFill>
                        <a:effectLst/>
                        <a:latin typeface="Arial Black" panose="020B0A04020102020204" pitchFamily="34" charset="0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Arial Black" panose="020B0A04020102020204" pitchFamily="34" charset="0"/>
                          <a:ea typeface="+mn-ea"/>
                          <a:cs typeface="+mn-cs"/>
                        </a:rPr>
                        <a:t>Tool</a:t>
                      </a:r>
                      <a:endParaRPr lang="en-AU" altLang="en-US" sz="1600" b="1" kern="1200" dirty="0" smtClean="0">
                        <a:solidFill>
                          <a:schemeClr val="bg1"/>
                        </a:solidFill>
                        <a:latin typeface="Arial Black" panose="020B0A04020102020204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altLang="zh-CN" sz="1600" b="1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light</a:t>
                      </a:r>
                      <a:r>
                        <a:rPr lang="en-US" altLang="zh-CN" sz="1600" b="1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Network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AU" sz="1600" b="1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o-spatial Layout</a:t>
                      </a:r>
                      <a:endParaRPr lang="en-AU" sz="1600" b="1" i="1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3</a:t>
                      </a:r>
                    </a:p>
                    <a:p>
                      <a:pPr algn="ctr">
                        <a:buNone/>
                      </a:pPr>
                      <a:r>
                        <a:rPr lang="en-US" altLang="en-AU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rcGI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easonal Effects</a:t>
                      </a:r>
                      <a:endParaRPr lang="en-US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alendar Layout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3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irline Performance</a:t>
                      </a:r>
                      <a:endParaRPr lang="en-US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bble Chart Layout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3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altLang="zh-CN" sz="1600" b="1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irport</a:t>
                      </a:r>
                      <a:r>
                        <a:rPr lang="en-US" altLang="zh-CN" sz="1600" b="1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Performanc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altLang="zh-CN" sz="1600" b="1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eat map</a:t>
                      </a:r>
                      <a:r>
                        <a:rPr lang="en-US" altLang="zh-CN" sz="1600" b="1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Layout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ableau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35280"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US" altLang="zh-CN" sz="1600" b="1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  <a:sym typeface="+mn-ea"/>
                        </a:rPr>
                        <a:t>Statistical Analysis</a:t>
                      </a:r>
                      <a:endParaRPr lang="en-US" altLang="zh-CN" sz="1600" b="1" kern="120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  <a:sym typeface="+mn-ea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orrelation Matrix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 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73570" y="392430"/>
            <a:ext cx="5026660" cy="582168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18440"/>
            <a:ext cx="533781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Flight Network</a:t>
            </a: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pic>
        <p:nvPicPr>
          <p:cNvPr id="2" name="primaryNetwork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770380" y="1048385"/>
            <a:ext cx="9004300" cy="501332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327735" y="6337243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6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57060" y="48704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621919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Seasonal Effect</a:t>
            </a: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pic>
        <p:nvPicPr>
          <p:cNvPr id="2" name="SeasonalEffects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2297430" y="1107440"/>
            <a:ext cx="8308340" cy="522922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6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19290" y="47053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451610" y="311150"/>
            <a:ext cx="541655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28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irline Performance</a:t>
            </a: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pic>
        <p:nvPicPr>
          <p:cNvPr id="2" name="airlineComparsion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3276600" y="1035050"/>
            <a:ext cx="5639435" cy="5353050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3" name="组合 12"/>
          <p:cNvGrpSpPr/>
          <p:nvPr/>
        </p:nvGrpSpPr>
        <p:grpSpPr>
          <a:xfrm>
            <a:off x="9398073" y="6320155"/>
            <a:ext cx="2672396" cy="406253"/>
            <a:chOff x="9296866" y="93090"/>
            <a:chExt cx="2672396" cy="406253"/>
          </a:xfrm>
        </p:grpSpPr>
        <p:sp>
          <p:nvSpPr>
            <p:cNvPr id="14" name="文本框 13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6" name="图片 15" descr="2139314_123527066460_2"/>
            <p:cNvPicPr>
              <a:picLocks noChangeAspect="1"/>
            </p:cNvPicPr>
            <p:nvPr/>
          </p:nvPicPr>
          <p:blipFill>
            <a:blip r:embed="rId6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42785" y="48704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24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irports Performance</a:t>
            </a: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pic>
        <p:nvPicPr>
          <p:cNvPr id="2" name="BestNWorse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451610" y="1158240"/>
            <a:ext cx="9615170" cy="505777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6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  <p:seq concurrent="1" nextAc="seek">
              <p:cTn id="13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4" fill="hold">
                      <p:stCondLst>
                        <p:cond delay="0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 additive="base">
                                        <p:cTn id="17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42785" y="48704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451610" y="311150"/>
            <a:ext cx="5407025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28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Statistical Analysis</a:t>
            </a: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pic>
        <p:nvPicPr>
          <p:cNvPr id="2" name="stats">
            <a:hlinkClick r:id="" action="ppaction://media"/>
            <a:hlinkHover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046480" y="2211705"/>
            <a:ext cx="10876915" cy="307149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6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自定义 1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70C0"/>
      </a:accent1>
      <a:accent2>
        <a:srgbClr val="7B7B7B"/>
      </a:accent2>
      <a:accent3>
        <a:srgbClr val="0070C0"/>
      </a:accent3>
      <a:accent4>
        <a:srgbClr val="7B7B7B"/>
      </a:accent4>
      <a:accent5>
        <a:srgbClr val="0070C0"/>
      </a:accent5>
      <a:accent6>
        <a:srgbClr val="7B7B7B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75</TotalTime>
  <Words>574</Words>
  <Application>Microsoft Macintosh PowerPoint</Application>
  <PresentationFormat>宽屏</PresentationFormat>
  <Paragraphs>187</Paragraphs>
  <Slides>14</Slides>
  <Notes>1</Notes>
  <HiddenSlides>0</HiddenSlides>
  <MMClips>5</MMClips>
  <ScaleCrop>false</ScaleCrop>
  <HeadingPairs>
    <vt:vector size="6" baseType="variant">
      <vt:variant>
        <vt:lpstr>已用的字体</vt:lpstr>
      </vt:variant>
      <vt:variant>
        <vt:i4>15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4</vt:i4>
      </vt:variant>
    </vt:vector>
  </HeadingPairs>
  <TitlesOfParts>
    <vt:vector size="30" baseType="lpstr">
      <vt:lpstr>Arial Black</vt:lpstr>
      <vt:lpstr>Calibri</vt:lpstr>
      <vt:lpstr>Century Gothic</vt:lpstr>
      <vt:lpstr>Impact</vt:lpstr>
      <vt:lpstr>Symbol</vt:lpstr>
      <vt:lpstr>Tahoma</vt:lpstr>
      <vt:lpstr>Times</vt:lpstr>
      <vt:lpstr>Times New Roman</vt:lpstr>
      <vt:lpstr>等线</vt:lpstr>
      <vt:lpstr>等线 Light</vt:lpstr>
      <vt:lpstr>华文琥珀</vt:lpstr>
      <vt:lpstr>华文中宋</vt:lpstr>
      <vt:lpstr>宋体</vt:lpstr>
      <vt:lpstr>微软雅黑</vt:lpstr>
      <vt:lpstr>Arial</vt:lpstr>
      <vt:lpstr>Office 主题​​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5.003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FJW</dc:creator>
  <cp:lastModifiedBy>Qiushi Zhang</cp:lastModifiedBy>
  <cp:revision>86</cp:revision>
  <dcterms:created xsi:type="dcterms:W3CDTF">2016-02-15T06:48:00Z</dcterms:created>
  <dcterms:modified xsi:type="dcterms:W3CDTF">2017-10-11T13:01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2052-10.1.0.6876</vt:lpwstr>
  </property>
</Properties>
</file>